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1507\01_医療整備グループ\01_地域医療\06_外国人患者受入拠点医療機関及び検討会関係★\01_選出関係★\00_選出医療機関管理（永年）★\様式\"/>
    </mc:Choice>
  </mc:AlternateContent>
  <bookViews>
    <workbookView xWindow="0" yWindow="0" windowWidth="28800" windowHeight="11840"/>
  </bookViews>
  <sheets>
    <sheet name="選出意向区分票" sheetId="9" r:id="rId1"/>
    <sheet name="別添_回答票" sheetId="7" r:id="rId2"/>
    <sheet name="別添「開設者」一覧表" sheetId="8" r:id="rId3"/>
    <sheet name="●コピペ用（必要に応じてご活用ください）" sheetId="10" r:id="rId4"/>
    <sheet name="コード" sheetId="5" state="hidden" r:id="rId5"/>
  </sheets>
  <definedNames>
    <definedName name="_xlnm.Print_Area" localSheetId="1">別添_回答票!$A$2:$AJ$9</definedName>
    <definedName name="愛知県23">コード!$W$2:$W$12</definedName>
    <definedName name="愛媛県38">コード!$AL$2:$AL$7</definedName>
    <definedName name="茨城県08">コード!$H$2:$H$10</definedName>
    <definedName name="岡山県33">コード!$AG$2:$AG$6</definedName>
    <definedName name="沖縄県47">コード!$AU$2:$AU$6</definedName>
    <definedName name="岩手県03">コード!$C$2:$C$10</definedName>
    <definedName name="岐阜県21">コード!$U$2:$U$6</definedName>
    <definedName name="宮崎県45">コード!$AS$2:$AS$8</definedName>
    <definedName name="宮城県04">コード!$D$2:$D$5</definedName>
    <definedName name="京都府26">コード!$Z$2:$Z$7</definedName>
    <definedName name="熊本県43">コード!$AQ$2:$AQ$11</definedName>
    <definedName name="群馬県10">コード!$J$2:$J$11</definedName>
    <definedName name="広島県34">コード!$AH$2:$AH$8</definedName>
    <definedName name="香川県37">コード!$AK$2:$AK$4</definedName>
    <definedName name="高知県39">コード!$AM$2:$AM$5</definedName>
    <definedName name="佐賀県41">コード!$AO$2:$AO$6</definedName>
    <definedName name="埼玉県11">コード!$K$2:$K$11</definedName>
    <definedName name="三重県24">コード!$X$2:$X$5</definedName>
    <definedName name="山形県06">コード!$F$2:$F$5</definedName>
    <definedName name="山口県35">コード!$AI$2:$AI$9</definedName>
    <definedName name="山梨県19">コード!$S$2:$S$5</definedName>
    <definedName name="滋賀県25">コード!$Y$2:$Y$8</definedName>
    <definedName name="鹿児島県46">コード!$AT$2:$AT$10</definedName>
    <definedName name="秋田県05">コード!$E$2:$E$9</definedName>
    <definedName name="新潟県15">コード!$O$2:$O$8</definedName>
    <definedName name="神奈川県14">コード!$N$2:$N$10</definedName>
    <definedName name="青森県02">コード!$B$2:$B$7</definedName>
    <definedName name="静岡県22">コード!$V$2:$V$9</definedName>
    <definedName name="石川県17">コード!$Q$2:$Q$5</definedName>
    <definedName name="千葉県12">コード!$L$2:$L$10</definedName>
    <definedName name="大阪府27">コード!$AA$2:$AA$9</definedName>
    <definedName name="大分県44">コード!$AR$2:$AR$7</definedName>
    <definedName name="長崎県42">コード!$AP$2:$AP$9</definedName>
    <definedName name="長野県20">コード!$T$2:$T$11</definedName>
    <definedName name="鳥取県31">コード!$AE$2:$AE$4</definedName>
    <definedName name="都道府県コード">コード!$A$1:$AU$1</definedName>
    <definedName name="島根県32">コード!$AF$2:$AF$8</definedName>
    <definedName name="東京都13">コード!$M$2:$M$14</definedName>
    <definedName name="徳島県36">コード!$AJ$2:$AJ$4</definedName>
    <definedName name="栃木県09">コード!$I$2:$I$7</definedName>
    <definedName name="奈良県29">コード!$AC$2:$AC$6</definedName>
    <definedName name="富山県16">コード!$P$2:$P$5</definedName>
    <definedName name="福井県18">コード!$R$2:$R$5</definedName>
    <definedName name="福岡県40">コード!$AN$2:$AN$14</definedName>
    <definedName name="福島県07">コード!$G$2:$G$7</definedName>
    <definedName name="兵庫県28">コード!$AB$2:$AB$9</definedName>
    <definedName name="北海道01">コード!$A$2:$A$22</definedName>
    <definedName name="和歌山県30">コード!$AD$2:$AD$8</definedName>
  </definedNames>
  <calcPr calcId="152511"/>
  <extLst>
    <ext xmlns:x15="http://schemas.microsoft.com/office/spreadsheetml/2010/11/main" uri="{140A7094-0E35-4892-8432-C4D2E57EDEB5}">
      <x15:workbookPr chartTrackingRefBase="1"/>
    </ext>
  </extLst>
</workbook>
</file>

<file path=xl/comments1.xml><?xml version="1.0" encoding="utf-8"?>
<comments xmlns="http://schemas.openxmlformats.org/spreadsheetml/2006/main">
  <authors>
    <author>Windows ユーザー</author>
  </authors>
  <commentList>
    <comment ref="R6" authorId="0" shapeId="0">
      <text>
        <r>
          <rPr>
            <b/>
            <sz val="9"/>
            <color indexed="81"/>
            <rFont val="ＭＳ Ｐゴシック"/>
            <family val="3"/>
            <charset val="128"/>
          </rPr>
          <t xml:space="preserve">Windows ユーザー
</t>
        </r>
        <r>
          <rPr>
            <sz val="20"/>
            <color indexed="81"/>
            <rFont val="ＭＳ Ｐゴシック"/>
            <family val="3"/>
            <charset val="128"/>
          </rPr>
          <t>厚生労働省が実施する外国人患者受入れ環境整備推進事業に参加し、医療通訳者・コーディネーターの配置や、院内体制整備を実施した医療機関</t>
        </r>
      </text>
    </comment>
    <comment ref="S6" authorId="0" shapeId="0">
      <text>
        <r>
          <rPr>
            <b/>
            <sz val="9"/>
            <color indexed="81"/>
            <rFont val="ＭＳ Ｐゴシック"/>
            <family val="3"/>
            <charset val="128"/>
          </rPr>
          <t>Windows ユーザー:</t>
        </r>
        <r>
          <rPr>
            <sz val="9"/>
            <color indexed="81"/>
            <rFont val="ＭＳ Ｐゴシック"/>
            <family val="3"/>
            <charset val="128"/>
          </rPr>
          <t xml:space="preserve">
</t>
        </r>
        <r>
          <rPr>
            <sz val="20"/>
            <color indexed="81"/>
            <rFont val="ＭＳ Ｐゴシック"/>
            <family val="3"/>
            <charset val="128"/>
          </rPr>
          <t>ＪＭＩＰ（外国人患者受入医療機関認証制度）
一般社団法人日本医療教育財団が実施する認証制度に受審し認証を受けた医療機関で、在留、訪日外国人へ安心・安全な医療を提供するための環境が整備された医療機関を認証</t>
        </r>
      </text>
    </comment>
    <comment ref="T6" authorId="0" shapeId="0">
      <text>
        <r>
          <rPr>
            <b/>
            <sz val="9"/>
            <color indexed="81"/>
            <rFont val="ＭＳ Ｐゴシック"/>
            <family val="3"/>
            <charset val="128"/>
          </rPr>
          <t>Windows ユーザー:</t>
        </r>
        <r>
          <rPr>
            <sz val="9"/>
            <color indexed="81"/>
            <rFont val="ＭＳ Ｐゴシック"/>
            <family val="3"/>
            <charset val="128"/>
          </rPr>
          <t xml:space="preserve">
</t>
        </r>
        <r>
          <rPr>
            <sz val="20"/>
            <color indexed="81"/>
            <rFont val="ＭＳ Ｐゴシック"/>
            <family val="3"/>
            <charset val="128"/>
          </rPr>
          <t>ＪＩＨ（ジャパンインターナショナルホスピタルズ）
一般社団法人Medical　Ｅｘｃｅｌｌｅｎｃｅ　ＪＡＰＡＮにて、日本の高度な医療を目的に、医療ビザを取得し渡航する外国人患者の受入に意欲があり、適切な受入体制を整備した医療機関として推奨された医療機関。</t>
        </r>
      </text>
    </comment>
  </commentList>
</comments>
</file>

<file path=xl/sharedStrings.xml><?xml version="1.0" encoding="utf-8"?>
<sst xmlns="http://schemas.openxmlformats.org/spreadsheetml/2006/main" count="651" uniqueCount="619">
  <si>
    <t>住所</t>
  </si>
  <si>
    <t>備考</t>
  </si>
  <si>
    <t>101 南渡島　　　　　　　</t>
  </si>
  <si>
    <t>102 南檜山　　　　　　　</t>
  </si>
  <si>
    <t>103 北渡島檜山　　　　　</t>
  </si>
  <si>
    <t>104 札幌　　　　　　　　</t>
  </si>
  <si>
    <t>105 後志　　　　　　　　</t>
  </si>
  <si>
    <t>106 南空知　　　　　　　</t>
  </si>
  <si>
    <t>107 中空知　　　　　　　</t>
  </si>
  <si>
    <t>108 北空知　　　　　　　</t>
  </si>
  <si>
    <t>109 西胆振　　　　　　　</t>
  </si>
  <si>
    <t>110 東胆振　　　　　　　</t>
  </si>
  <si>
    <t>111 日高　　　　　　　　</t>
  </si>
  <si>
    <t>112 上川中部　　　　　　</t>
  </si>
  <si>
    <t>113 上川北部　　　　　　</t>
  </si>
  <si>
    <t>114 富良野　　　　　　　</t>
  </si>
  <si>
    <t>115 留萌　　　　　　　　</t>
  </si>
  <si>
    <t>116 宗谷　　　　　　　　</t>
  </si>
  <si>
    <t>117 北網　　　　　　　　</t>
  </si>
  <si>
    <t>118 遠紋　　　　　　　　</t>
  </si>
  <si>
    <t>119 十勝　　　　　　　　</t>
  </si>
  <si>
    <t>120 釧路　　　　　　　　</t>
  </si>
  <si>
    <t>121 根室　　　　　　　　</t>
  </si>
  <si>
    <t>201 津軽地域　　　　　　</t>
  </si>
  <si>
    <t>202 八戸地域　　　　　　</t>
  </si>
  <si>
    <t>203 青森地域　　　　　　</t>
  </si>
  <si>
    <t>204 西北五地域　　　　　</t>
  </si>
  <si>
    <t>205 上十三地域　　　　　</t>
  </si>
  <si>
    <t>206 下北地域　　　　　　</t>
  </si>
  <si>
    <t>301 盛岡　　　　　　　　</t>
  </si>
  <si>
    <t>302 岩手中部　　　　　　</t>
  </si>
  <si>
    <t>303 胆江　　　　　　　　</t>
  </si>
  <si>
    <t>304 両磐　　　　　　　　</t>
  </si>
  <si>
    <t>305 気仙　　　　　　　　</t>
  </si>
  <si>
    <t>306 釜石　　　　　　　　</t>
  </si>
  <si>
    <t>307 宮古　　　　　　　　</t>
  </si>
  <si>
    <t>308 久慈　　　　　　　　</t>
  </si>
  <si>
    <t>309 二戸　　　　　　　　</t>
  </si>
  <si>
    <t>401 仙南　　　　　　　　</t>
  </si>
  <si>
    <t>403 仙台　　　　　　　　</t>
  </si>
  <si>
    <t>406 大崎・栗原　　　　　　　　</t>
  </si>
  <si>
    <t>409 石巻・登米・気仙沼</t>
  </si>
  <si>
    <t>501 大館・鹿角</t>
  </si>
  <si>
    <t>502 北秋田</t>
  </si>
  <si>
    <t>503 能代・山本　　　　　</t>
  </si>
  <si>
    <t>504 秋田周辺　　　　　　</t>
  </si>
  <si>
    <t>505 由利本荘・にかほ</t>
  </si>
  <si>
    <t>506 大仙・仙北　　　　　</t>
  </si>
  <si>
    <t>507 横手　　</t>
  </si>
  <si>
    <t>508 湯沢・雄勝　　　　　</t>
  </si>
  <si>
    <t>601 村山　　　　　　　　</t>
  </si>
  <si>
    <t>602 最上　　　　　　　　</t>
  </si>
  <si>
    <t>603 置賜　　　　　　　　</t>
  </si>
  <si>
    <t>604 庄内　　　　　　　　</t>
  </si>
  <si>
    <t>701 県北　　　　　　　　</t>
  </si>
  <si>
    <t>702 県中　　　　　　　　</t>
  </si>
  <si>
    <t>703 県南　　　　　　　　</t>
  </si>
  <si>
    <t>706 相双　　　　　　　　</t>
  </si>
  <si>
    <t>707 いわき　　　　　　　</t>
  </si>
  <si>
    <t>708 会津・南会津</t>
  </si>
  <si>
    <t>801 水戸　　　　　　　　</t>
  </si>
  <si>
    <t>802 日立　　　　　　　　</t>
  </si>
  <si>
    <t>803 常陸太田・ひたちなか</t>
  </si>
  <si>
    <t>804 鹿行　　　　　</t>
  </si>
  <si>
    <t>805 土浦　　　　　　　　</t>
  </si>
  <si>
    <t>806 つくば　　　　　　　</t>
  </si>
  <si>
    <t>807 取手・竜ヶ崎　　　　</t>
  </si>
  <si>
    <t>808 筑西・下妻</t>
  </si>
  <si>
    <t>809 古河・坂東　　　　　</t>
  </si>
  <si>
    <t>901 県北　　　　　　　　</t>
  </si>
  <si>
    <t>902 県西　　　　　　　　</t>
  </si>
  <si>
    <t>903 宇都宮</t>
  </si>
  <si>
    <t>904 県東　　　</t>
  </si>
  <si>
    <t>905 県南　　　　　　　　</t>
  </si>
  <si>
    <t>906 両毛　　　　　　　　</t>
  </si>
  <si>
    <t>1001 前橋　　　　　　　　　　　　</t>
  </si>
  <si>
    <t>1002 渋川</t>
  </si>
  <si>
    <t>1003 伊勢崎</t>
  </si>
  <si>
    <t>1004 高崎・安中</t>
  </si>
  <si>
    <t>1005 藤岡</t>
  </si>
  <si>
    <t>1006 富岡</t>
  </si>
  <si>
    <t>1007 吾妻</t>
  </si>
  <si>
    <t>1008 沼田</t>
  </si>
  <si>
    <t>1009 桐生</t>
  </si>
  <si>
    <t>1010 太田・館林</t>
  </si>
  <si>
    <t>1101 南部</t>
  </si>
  <si>
    <t>1102 南西部</t>
  </si>
  <si>
    <t>1103 東部</t>
  </si>
  <si>
    <t>1104 さいたま</t>
  </si>
  <si>
    <t>1105 県央</t>
  </si>
  <si>
    <t>1106 川越比企</t>
  </si>
  <si>
    <t>1107 西部</t>
  </si>
  <si>
    <t>1108 利根</t>
  </si>
  <si>
    <t>1109 北部</t>
  </si>
  <si>
    <t>1110 秩父</t>
  </si>
  <si>
    <t>1201 千葉　　　　　　　　</t>
  </si>
  <si>
    <t>1202 東葛南部　　　　　　</t>
  </si>
  <si>
    <t>1203 東葛北部　　　　　　</t>
  </si>
  <si>
    <t>1204 印旛</t>
  </si>
  <si>
    <t>1205 香取海匝　　　　　　</t>
  </si>
  <si>
    <t>1206 山武長生夷隅</t>
  </si>
  <si>
    <t>1207 安房　　　　　　　　</t>
  </si>
  <si>
    <t>1208 君津　　　　　　　　</t>
  </si>
  <si>
    <t>1209 市原</t>
  </si>
  <si>
    <t>1301 区中央部　　　　　　</t>
  </si>
  <si>
    <t>1302 区南部　　　　　　　</t>
  </si>
  <si>
    <t>1303 区西南部　　　　　　</t>
  </si>
  <si>
    <t>1304 区西部　　　　　　　</t>
  </si>
  <si>
    <t>1305 区西北部　　　　　　</t>
  </si>
  <si>
    <t>1306 区東北部　　　　　　</t>
  </si>
  <si>
    <t>1307 区東部　　　　　　　</t>
  </si>
  <si>
    <t>1308 西多摩　　　　　　　</t>
  </si>
  <si>
    <t>1309 南多摩　　　　　　　</t>
  </si>
  <si>
    <t>1310 北多摩西部　　　　　</t>
  </si>
  <si>
    <t>1311 北多摩南部　　　　　</t>
  </si>
  <si>
    <t>1312 北多摩北部　　　　　</t>
  </si>
  <si>
    <t>1313 島しょ　　　　　　　</t>
  </si>
  <si>
    <t>1404 川崎北部　　　　　　</t>
  </si>
  <si>
    <t>1405 川崎南部　　　　　　</t>
  </si>
  <si>
    <t>1406 横須賀・三浦　　　　</t>
  </si>
  <si>
    <t>1407 湘南東部　　　　　　</t>
  </si>
  <si>
    <t>1408 湘南西部　　　　　　</t>
  </si>
  <si>
    <t>1409 県央　　　　　　　　</t>
  </si>
  <si>
    <t>1410 相模原</t>
  </si>
  <si>
    <t>1411 県西　　　　　　　　</t>
  </si>
  <si>
    <t>1412 横浜</t>
  </si>
  <si>
    <t>1501 下越</t>
  </si>
  <si>
    <t>1502 新潟　　　　　　　　</t>
  </si>
  <si>
    <t>1503 県央　　　　　　　　</t>
  </si>
  <si>
    <t>1504 中越</t>
  </si>
  <si>
    <t>1505 魚沼</t>
  </si>
  <si>
    <t>1506 上越</t>
  </si>
  <si>
    <t>1507 佐渡</t>
  </si>
  <si>
    <t>1601 新川　　　　　　　　</t>
  </si>
  <si>
    <t>1602 富山　　　　　　　　</t>
  </si>
  <si>
    <t>1603 高岡　　　　　　　　</t>
  </si>
  <si>
    <t>1604 砺波　　　　　　　　</t>
  </si>
  <si>
    <t>1701 南加賀　　　　　　　</t>
  </si>
  <si>
    <t>1702 石川中央　　　　　　</t>
  </si>
  <si>
    <t>1703 能登中部　　　　　　</t>
  </si>
  <si>
    <t>1704 能登北部　　　　　　</t>
  </si>
  <si>
    <t>1801 福井・坂井　　　　　</t>
  </si>
  <si>
    <t>1802 奥越　　　　　　　　</t>
  </si>
  <si>
    <t>1803 丹南　　　　　　　　</t>
  </si>
  <si>
    <t>1804 嶺南　　　　　　　　</t>
  </si>
  <si>
    <t>1901 中北</t>
  </si>
  <si>
    <t>1902 峡東</t>
  </si>
  <si>
    <t>1903 峡南　　　　　　　　</t>
  </si>
  <si>
    <t>1904 富士・東部　　　　　　　　</t>
  </si>
  <si>
    <t>2001 佐久　　　　　　　　</t>
  </si>
  <si>
    <t>2002 上小　　　　　　　　</t>
  </si>
  <si>
    <t>2003 諏訪　　　　　　　　</t>
  </si>
  <si>
    <t>2004 上伊那　　　　　　　</t>
  </si>
  <si>
    <t>2005 飯伊　　　　　　　　</t>
  </si>
  <si>
    <t>2006 木曽　　　　　　　　</t>
  </si>
  <si>
    <t>2007 松本　　　　　　　　</t>
  </si>
  <si>
    <t>2008 大北　　　　　　　　</t>
  </si>
  <si>
    <t>2009 長野　　　　　　　　</t>
  </si>
  <si>
    <t>2010 北信　　　　　　　　</t>
  </si>
  <si>
    <t>2101 岐阜　　　　　　　　</t>
  </si>
  <si>
    <t>2102 西濃　　　　　　　　</t>
  </si>
  <si>
    <t>2103 中濃　　　　　　　　</t>
  </si>
  <si>
    <t>2104 東濃　　　　　　　　</t>
  </si>
  <si>
    <t>2105 飛騨　　　　　　　　</t>
  </si>
  <si>
    <t>2201 賀茂　　　　　　　　</t>
  </si>
  <si>
    <t>2202 熱海伊東　　　　　　</t>
  </si>
  <si>
    <t>2203 駿東田方　　　　　　</t>
  </si>
  <si>
    <t>2204 富士　　　　　　　　</t>
  </si>
  <si>
    <t>2205 静岡　　　　　　　　</t>
  </si>
  <si>
    <t>2206 志太榛原　　　　　　</t>
  </si>
  <si>
    <t>2207 中東遠</t>
  </si>
  <si>
    <t>2208 西部</t>
  </si>
  <si>
    <t>2302 海部</t>
  </si>
  <si>
    <t>2304 尾張東部　　　　　　</t>
  </si>
  <si>
    <t>2305 尾張西部　　　　　　</t>
  </si>
  <si>
    <t>2306 尾張北部　　　　　　</t>
  </si>
  <si>
    <t>2307 知多半島　　　　　　</t>
  </si>
  <si>
    <t>2308 西三河北部　　　　　</t>
  </si>
  <si>
    <t>2309 西三河南部西　　　　　</t>
  </si>
  <si>
    <t>2310 西三河南部東　　　　　</t>
  </si>
  <si>
    <t>2311 東三河北部　　　　　</t>
  </si>
  <si>
    <t>2312 東三河南部　　　　　</t>
  </si>
  <si>
    <t>2313 名古屋・尾張中部</t>
  </si>
  <si>
    <t>2401 北勢　　　　　　　　</t>
  </si>
  <si>
    <t>2402 中勢伊賀　　　　　　</t>
  </si>
  <si>
    <t>2403 南勢志摩　　　　　　</t>
  </si>
  <si>
    <t>2404 東紀州　　　　　　　</t>
  </si>
  <si>
    <t>2501 大津　　　　　　　　</t>
  </si>
  <si>
    <t>2502 湖南　　　　　　　　</t>
  </si>
  <si>
    <t>2503 甲賀　　　　　　　　</t>
  </si>
  <si>
    <t>2504 東近江　　　　　　　</t>
  </si>
  <si>
    <t>2505 湖東　　　　　　　　</t>
  </si>
  <si>
    <t>2506 湖北　　　　　　　　</t>
  </si>
  <si>
    <t>2507 湖西　　　　　　　　</t>
  </si>
  <si>
    <t>2601 丹後　　　　　　　　</t>
  </si>
  <si>
    <t>2602 中丹　　　　　　　　</t>
  </si>
  <si>
    <t>2603 南丹</t>
  </si>
  <si>
    <t>2604 京都・乙訓　　　　　</t>
  </si>
  <si>
    <t>2605 山城北</t>
  </si>
  <si>
    <t>2606 山城南</t>
  </si>
  <si>
    <t>2701 豊能　　　　　　　　</t>
  </si>
  <si>
    <t>2702 三島　　　　　　　　</t>
  </si>
  <si>
    <t>2703 北河内　　　　　　　</t>
  </si>
  <si>
    <t>2704 中河内　　　　　　　</t>
  </si>
  <si>
    <t>2705 南河内　　　　　　　</t>
  </si>
  <si>
    <t>2706 堺市　　　　　　　　</t>
  </si>
  <si>
    <t>2707 泉州　　　　　　　　</t>
  </si>
  <si>
    <t>2708 大阪市　　　　　　　</t>
  </si>
  <si>
    <t>2801 神戸　　　　　　　　</t>
  </si>
  <si>
    <t>2804 東播磨　　　　　　　</t>
  </si>
  <si>
    <t>2805 北播磨　　　　　　　</t>
  </si>
  <si>
    <t>2808 但馬　　　　　　　　</t>
  </si>
  <si>
    <t>2809 丹波</t>
  </si>
  <si>
    <t>2810 淡路　　　　　　　　</t>
  </si>
  <si>
    <t>2811 阪神</t>
  </si>
  <si>
    <t>2812 播磨姫路</t>
  </si>
  <si>
    <t>2901 奈良　　　　　　　　</t>
  </si>
  <si>
    <t>2902 東和　　　　　　　　</t>
  </si>
  <si>
    <t>2903 西和　　　　　　　　</t>
  </si>
  <si>
    <t>2904 中和　　　　　　　　</t>
  </si>
  <si>
    <t>2905 南和　　　　　　　　</t>
  </si>
  <si>
    <t>3001 和歌山　　　　　　　</t>
  </si>
  <si>
    <t>3002 那賀　　　　　　　　</t>
  </si>
  <si>
    <t>3003 橋本　　　　　　　　</t>
  </si>
  <si>
    <t>3004 有田　　　　　　　　</t>
  </si>
  <si>
    <t>3005 御坊</t>
  </si>
  <si>
    <t>3006 田辺　　　　　　　　</t>
  </si>
  <si>
    <t>3007 新宮　　　　　　　　</t>
  </si>
  <si>
    <t>3101 東部　　　　　　　　</t>
  </si>
  <si>
    <t>3102 中部　　　　　　　　</t>
  </si>
  <si>
    <t>3103 西部　　　　　　　　</t>
  </si>
  <si>
    <t>3201 松江　　　　　　　　</t>
  </si>
  <si>
    <t>3202 雲南　　　　　　　　</t>
  </si>
  <si>
    <t>3203 出雲　　　　　　　　</t>
  </si>
  <si>
    <t>3204 大田　　　　　　　　</t>
  </si>
  <si>
    <t>3205 浜田　　　　　　　　</t>
  </si>
  <si>
    <t>3206 益田　　　　　　　　</t>
  </si>
  <si>
    <t>3207 隠岐　　　　　　　　</t>
  </si>
  <si>
    <t>3301 県南東部　　　　　　</t>
  </si>
  <si>
    <t>3302 県南西部　　　　　　</t>
  </si>
  <si>
    <t>3303 高梁・新見　　　　　</t>
  </si>
  <si>
    <t>3304 真庭　　　　　　　　</t>
  </si>
  <si>
    <t>3305 津山・英田　　　　　</t>
  </si>
  <si>
    <t>3401 広島　　　　　　　　</t>
  </si>
  <si>
    <t>3402 広島西　　　　　　　</t>
  </si>
  <si>
    <t>3403 呉　　　　　　　　　</t>
  </si>
  <si>
    <t>3404 広島中央　　　　　　</t>
  </si>
  <si>
    <t>3405 尾三　　　　　　　　</t>
  </si>
  <si>
    <t>3406 福山・府中　　　　　</t>
  </si>
  <si>
    <t>3407 備北　　　　　　　　</t>
  </si>
  <si>
    <t>3501 岩国　　　　　　　　</t>
  </si>
  <si>
    <t>3502 柳井　　　　　　　　</t>
  </si>
  <si>
    <t>3503 周南　　　　　　　　</t>
  </si>
  <si>
    <t>3504 山口・防府　　　　　</t>
  </si>
  <si>
    <t>3505 宇部・小野田　　　　</t>
  </si>
  <si>
    <t>3506 下関　　　　　　　　</t>
  </si>
  <si>
    <t>3507 長門　　　　　　　　</t>
  </si>
  <si>
    <t>3508 萩　　　　　　　　　</t>
  </si>
  <si>
    <t>3601 東部　　　　　　</t>
  </si>
  <si>
    <t>3603 南部　　　　　　　</t>
  </si>
  <si>
    <t>3605 西部　　　　　　　</t>
  </si>
  <si>
    <t>3702 小豆　　　　　　　　</t>
  </si>
  <si>
    <t>3706 東部</t>
  </si>
  <si>
    <t>3707 西部</t>
  </si>
  <si>
    <t>3801 宇摩　　　　　　　　</t>
  </si>
  <si>
    <t>3802 新居浜・西条　　　　</t>
  </si>
  <si>
    <t>3803 今治　　　　　　　　</t>
  </si>
  <si>
    <t>3804 松山　　　　　　　　</t>
  </si>
  <si>
    <t>3805 八幡浜・大洲　　　　</t>
  </si>
  <si>
    <t>3806 宇和島　　　　　　　</t>
  </si>
  <si>
    <t>3901 安芸　　　　　　　　</t>
  </si>
  <si>
    <t>3902 中央　　　　　　　　</t>
  </si>
  <si>
    <t>3903 高幡　　　　　　　　</t>
  </si>
  <si>
    <t>3904 幡多　　　　　　　　</t>
  </si>
  <si>
    <t>4001 福岡・糸島　　　　　</t>
  </si>
  <si>
    <t>4002 粕屋　　　　　　　　</t>
  </si>
  <si>
    <t>4003 宗像　　　　　　　　</t>
  </si>
  <si>
    <t>4004 筑紫　　　　　　　　</t>
  </si>
  <si>
    <t>4005 朝倉</t>
  </si>
  <si>
    <t>4006 久留米　　　　　　　</t>
  </si>
  <si>
    <t>4007 八女・筑後　　　　　</t>
  </si>
  <si>
    <t>4008 有明　　　　　　　　</t>
  </si>
  <si>
    <t>4009 飯塚　　　　　　　　</t>
  </si>
  <si>
    <t>4010 直方・鞍手　　　　　</t>
  </si>
  <si>
    <t>4011 田川　　　　　　　　</t>
  </si>
  <si>
    <t>4012 北九州　　　　　　　</t>
  </si>
  <si>
    <t>4013 京築　　　　　　　　</t>
  </si>
  <si>
    <t>4101 中部　　　　　　　　</t>
  </si>
  <si>
    <t>4102 東部　　　　　　　　</t>
  </si>
  <si>
    <t>4103 北部　　　　　　　　</t>
  </si>
  <si>
    <t>4104 西部　　　　　　　　</t>
  </si>
  <si>
    <t>4105 南部　　　　　　　　</t>
  </si>
  <si>
    <t>4201 長崎　　　　　　　　</t>
  </si>
  <si>
    <t>4202 佐世保県北　　　　　　　</t>
  </si>
  <si>
    <t>4203 県央　　　　　　　　</t>
  </si>
  <si>
    <t>4204 県南　　　　　　　　</t>
  </si>
  <si>
    <t>4206 五島　　　　　　　　</t>
  </si>
  <si>
    <t>4207 上五島　　　　　　　</t>
  </si>
  <si>
    <t>4208 壱岐</t>
  </si>
  <si>
    <t>4209 対馬</t>
  </si>
  <si>
    <t>4302 宇城　　　　　　　　</t>
  </si>
  <si>
    <t>4303 有明　　　　　　　　</t>
  </si>
  <si>
    <t>4304 鹿本　　　　　　　　</t>
  </si>
  <si>
    <t>4305 菊池　　　　　　　　</t>
  </si>
  <si>
    <t>4306 阿蘇　　　　　　　　</t>
  </si>
  <si>
    <t>4308 八代　　　　　　　　</t>
  </si>
  <si>
    <t>4309 芦北　　　　　　　　</t>
  </si>
  <si>
    <t>4310 球磨　　　　　　　　</t>
  </si>
  <si>
    <t>4311 天草　　　　　　　　</t>
  </si>
  <si>
    <t>4312 熊本・上益城</t>
  </si>
  <si>
    <t>4401 東部　　　　　　　　</t>
  </si>
  <si>
    <t>4403 中部　　　　　　　　</t>
  </si>
  <si>
    <t>4405 南部</t>
  </si>
  <si>
    <t>4406 豊肥</t>
  </si>
  <si>
    <t>4408 西部</t>
  </si>
  <si>
    <t>4409 北部　　　　　　　　</t>
  </si>
  <si>
    <t>4501 宮崎東諸県　　　　　</t>
  </si>
  <si>
    <t>4502 都城北諸県　　　　　</t>
  </si>
  <si>
    <t>4503 延岡西臼杵</t>
  </si>
  <si>
    <t>4504 日南串間　　　　　　</t>
  </si>
  <si>
    <t>4505 西諸　　　　　　　　</t>
  </si>
  <si>
    <t>4506 西都児湯　　　　　　</t>
  </si>
  <si>
    <t>4507 日向入郷　　　　　　</t>
  </si>
  <si>
    <t>4601 鹿児島　　　　　　　</t>
  </si>
  <si>
    <t>4603 南薩　　　　　　　　</t>
  </si>
  <si>
    <t>4605 川薩　　　　　　　　</t>
  </si>
  <si>
    <t>4606 出水　　　　　　　　</t>
  </si>
  <si>
    <t>4607 姶良・伊佐</t>
  </si>
  <si>
    <t>4609 曽於　　　　　　　　</t>
  </si>
  <si>
    <t>4610 肝属　　　　　　　　</t>
  </si>
  <si>
    <t>4611 熊毛　　　　　　　　</t>
  </si>
  <si>
    <t>4612 奄美　　　　　　　　</t>
  </si>
  <si>
    <t>4701 北部　　　　　　　　</t>
  </si>
  <si>
    <t>4702 中部　　　　　　　　</t>
  </si>
  <si>
    <t>4703 南部　　　　　　　　</t>
  </si>
  <si>
    <t>4704 宮古　　　　　　　　</t>
  </si>
  <si>
    <t>4705 八重山　　　　　　　</t>
  </si>
  <si>
    <t>北海道01</t>
    <phoneticPr fontId="1"/>
  </si>
  <si>
    <t>青森県02</t>
    <phoneticPr fontId="1"/>
  </si>
  <si>
    <t>岩手県03</t>
    <phoneticPr fontId="1"/>
  </si>
  <si>
    <t>宮城県04</t>
    <phoneticPr fontId="1"/>
  </si>
  <si>
    <t>秋田県05</t>
    <phoneticPr fontId="1"/>
  </si>
  <si>
    <t>山形県06</t>
    <phoneticPr fontId="1"/>
  </si>
  <si>
    <t>福島県07</t>
    <phoneticPr fontId="1"/>
  </si>
  <si>
    <t>茨城県08</t>
    <phoneticPr fontId="1"/>
  </si>
  <si>
    <t>栃木県09</t>
    <phoneticPr fontId="1"/>
  </si>
  <si>
    <t>群馬県10</t>
    <phoneticPr fontId="1"/>
  </si>
  <si>
    <t>埼玉県11</t>
    <phoneticPr fontId="1"/>
  </si>
  <si>
    <t>千葉県12</t>
    <phoneticPr fontId="1"/>
  </si>
  <si>
    <t>東京都13</t>
    <phoneticPr fontId="1"/>
  </si>
  <si>
    <t>神奈川県14</t>
    <phoneticPr fontId="1"/>
  </si>
  <si>
    <t>新潟県15</t>
    <phoneticPr fontId="1"/>
  </si>
  <si>
    <t>富山県16</t>
    <phoneticPr fontId="1"/>
  </si>
  <si>
    <t>石川県17</t>
    <phoneticPr fontId="1"/>
  </si>
  <si>
    <t>福井県18</t>
    <phoneticPr fontId="1"/>
  </si>
  <si>
    <t>山梨県19</t>
    <phoneticPr fontId="1"/>
  </si>
  <si>
    <t>長野県20</t>
    <phoneticPr fontId="1"/>
  </si>
  <si>
    <t>岐阜県21</t>
    <phoneticPr fontId="1"/>
  </si>
  <si>
    <t>静岡県22</t>
    <phoneticPr fontId="1"/>
  </si>
  <si>
    <t>愛知県23</t>
    <phoneticPr fontId="1"/>
  </si>
  <si>
    <t>三重県24</t>
    <phoneticPr fontId="1"/>
  </si>
  <si>
    <t>滋賀県25</t>
    <phoneticPr fontId="1"/>
  </si>
  <si>
    <t>京都府26</t>
    <phoneticPr fontId="1"/>
  </si>
  <si>
    <t>大阪府27</t>
    <phoneticPr fontId="1"/>
  </si>
  <si>
    <t>兵庫県28</t>
    <phoneticPr fontId="1"/>
  </si>
  <si>
    <t>奈良県29</t>
    <phoneticPr fontId="1"/>
  </si>
  <si>
    <t>和歌山県30</t>
    <phoneticPr fontId="1"/>
  </si>
  <si>
    <t>鳥取県31</t>
    <phoneticPr fontId="1"/>
  </si>
  <si>
    <t>島根県32</t>
    <phoneticPr fontId="1"/>
  </si>
  <si>
    <t>岡山県33</t>
    <phoneticPr fontId="1"/>
  </si>
  <si>
    <t>広島県34</t>
    <phoneticPr fontId="1"/>
  </si>
  <si>
    <t>山口県35</t>
    <phoneticPr fontId="1"/>
  </si>
  <si>
    <t>徳島県36</t>
    <phoneticPr fontId="1"/>
  </si>
  <si>
    <t>香川県37</t>
    <phoneticPr fontId="1"/>
  </si>
  <si>
    <t>愛媛県38</t>
    <phoneticPr fontId="1"/>
  </si>
  <si>
    <t>高知県39</t>
    <phoneticPr fontId="1"/>
  </si>
  <si>
    <t>福岡県40</t>
    <phoneticPr fontId="1"/>
  </si>
  <si>
    <t>佐賀県41</t>
    <phoneticPr fontId="1"/>
  </si>
  <si>
    <t>長崎県42</t>
    <phoneticPr fontId="1"/>
  </si>
  <si>
    <t>熊本県43</t>
    <phoneticPr fontId="1"/>
  </si>
  <si>
    <t>大分県44</t>
    <phoneticPr fontId="1"/>
  </si>
  <si>
    <t>宮崎県45</t>
    <phoneticPr fontId="1"/>
  </si>
  <si>
    <t>鹿児島県46</t>
    <phoneticPr fontId="1"/>
  </si>
  <si>
    <t>沖縄県47</t>
    <phoneticPr fontId="1"/>
  </si>
  <si>
    <t>医療機関名</t>
    <rPh sb="4" eb="5">
      <t>ナ</t>
    </rPh>
    <phoneticPr fontId="1"/>
  </si>
  <si>
    <t>○</t>
    <phoneticPr fontId="1"/>
  </si>
  <si>
    <t>×</t>
    <phoneticPr fontId="1"/>
  </si>
  <si>
    <t>病院</t>
    <phoneticPr fontId="1"/>
  </si>
  <si>
    <t>診療所</t>
    <rPh sb="0" eb="3">
      <t>シンリョウジョ</t>
    </rPh>
    <phoneticPr fontId="1"/>
  </si>
  <si>
    <t>歯科診療所</t>
    <rPh sb="0" eb="2">
      <t>シカ</t>
    </rPh>
    <rPh sb="2" eb="5">
      <t>シンリョウジョ</t>
    </rPh>
    <phoneticPr fontId="1"/>
  </si>
  <si>
    <t>その他</t>
    <rPh sb="2" eb="3">
      <t>タ</t>
    </rPh>
    <phoneticPr fontId="1"/>
  </si>
  <si>
    <t>選択してください</t>
    <rPh sb="0" eb="2">
      <t>センタク</t>
    </rPh>
    <phoneticPr fontId="1"/>
  </si>
  <si>
    <t>（１）外国人患者で入院を要する救急患者に対応可能な医療機関</t>
    <phoneticPr fontId="1"/>
  </si>
  <si>
    <t>（２）外国人患者を受入可能な医療機関（診療所・歯科診療所も含む）</t>
    <phoneticPr fontId="1"/>
  </si>
  <si>
    <t>（１）と（２）の両方に当てはまる医療機関</t>
    <rPh sb="8" eb="10">
      <t>リョウホウ</t>
    </rPh>
    <rPh sb="11" eb="12">
      <t>ア</t>
    </rPh>
    <rPh sb="16" eb="18">
      <t>イリョウ</t>
    </rPh>
    <rPh sb="18" eb="20">
      <t>キカン</t>
    </rPh>
    <phoneticPr fontId="1"/>
  </si>
  <si>
    <t>総合周産期母子医療センター</t>
    <rPh sb="0" eb="2">
      <t>ソウゴウ</t>
    </rPh>
    <rPh sb="2" eb="5">
      <t>シュウサンキ</t>
    </rPh>
    <rPh sb="5" eb="7">
      <t>ボシ</t>
    </rPh>
    <rPh sb="7" eb="9">
      <t>イリョウ</t>
    </rPh>
    <phoneticPr fontId="1"/>
  </si>
  <si>
    <t>地域周産期母子医療センター</t>
    <rPh sb="0" eb="2">
      <t>チイキ</t>
    </rPh>
    <rPh sb="2" eb="5">
      <t>シュウサンキ</t>
    </rPh>
    <rPh sb="5" eb="7">
      <t>ボシ</t>
    </rPh>
    <rPh sb="7" eb="9">
      <t>イリョウ</t>
    </rPh>
    <phoneticPr fontId="1"/>
  </si>
  <si>
    <t>外国人受入環境整備事業の対象医療機関</t>
    <rPh sb="0" eb="3">
      <t>ガイコクジン</t>
    </rPh>
    <rPh sb="3" eb="5">
      <t>ウケイレ</t>
    </rPh>
    <rPh sb="5" eb="7">
      <t>カンキョウ</t>
    </rPh>
    <rPh sb="7" eb="9">
      <t>セイビ</t>
    </rPh>
    <rPh sb="9" eb="11">
      <t>ジギョウ</t>
    </rPh>
    <rPh sb="12" eb="14">
      <t>タイショウ</t>
    </rPh>
    <rPh sb="14" eb="16">
      <t>イリョウ</t>
    </rPh>
    <rPh sb="16" eb="18">
      <t>キカン</t>
    </rPh>
    <phoneticPr fontId="1"/>
  </si>
  <si>
    <t>JMIP</t>
    <phoneticPr fontId="1"/>
  </si>
  <si>
    <t>第二次救急医療機関</t>
    <rPh sb="0" eb="1">
      <t>ダイ</t>
    </rPh>
    <rPh sb="1" eb="2">
      <t>ニ</t>
    </rPh>
    <rPh sb="2" eb="3">
      <t>ジ</t>
    </rPh>
    <rPh sb="3" eb="5">
      <t>キュウキュウ</t>
    </rPh>
    <rPh sb="5" eb="7">
      <t>イリョウ</t>
    </rPh>
    <rPh sb="7" eb="9">
      <t>キカン</t>
    </rPh>
    <phoneticPr fontId="1"/>
  </si>
  <si>
    <t>救命救急センター（第三次救急）</t>
    <rPh sb="0" eb="2">
      <t>キュウメイ</t>
    </rPh>
    <rPh sb="2" eb="4">
      <t>キュウキュウ</t>
    </rPh>
    <rPh sb="9" eb="10">
      <t>ダイ</t>
    </rPh>
    <rPh sb="10" eb="12">
      <t>サンジ</t>
    </rPh>
    <rPh sb="12" eb="14">
      <t>キュウキュウ</t>
    </rPh>
    <phoneticPr fontId="1"/>
  </si>
  <si>
    <t>A病院</t>
    <rPh sb="1" eb="3">
      <t>ビョウイン</t>
    </rPh>
    <phoneticPr fontId="6"/>
  </si>
  <si>
    <t>A Hospital</t>
    <phoneticPr fontId="1"/>
  </si>
  <si>
    <t>000-0000</t>
    <phoneticPr fontId="1"/>
  </si>
  <si>
    <t>0000-00-0000</t>
    <phoneticPr fontId="1"/>
  </si>
  <si>
    <t>部署あり</t>
    <rPh sb="0" eb="2">
      <t>ブショ</t>
    </rPh>
    <phoneticPr fontId="1"/>
  </si>
  <si>
    <t>部署なし</t>
    <rPh sb="0" eb="2">
      <t>ブショ</t>
    </rPh>
    <phoneticPr fontId="1"/>
  </si>
  <si>
    <t>部署はないものの専門職員あり</t>
    <phoneticPr fontId="1"/>
  </si>
  <si>
    <t>対応言語/対応可能時間</t>
    <rPh sb="0" eb="2">
      <t>タイオウ</t>
    </rPh>
    <rPh sb="2" eb="4">
      <t>ゲンゴ</t>
    </rPh>
    <rPh sb="5" eb="7">
      <t>タイオウ</t>
    </rPh>
    <rPh sb="7" eb="9">
      <t>カノウ</t>
    </rPh>
    <rPh sb="9" eb="11">
      <t>ジカン</t>
    </rPh>
    <phoneticPr fontId="1"/>
  </si>
  <si>
    <t>JIH</t>
    <phoneticPr fontId="1"/>
  </si>
  <si>
    <t>○</t>
  </si>
  <si>
    <t>×</t>
  </si>
  <si>
    <t>記載例</t>
    <rPh sb="0" eb="2">
      <t>キサイ</t>
    </rPh>
    <rPh sb="2" eb="3">
      <t>レイ</t>
    </rPh>
    <phoneticPr fontId="1"/>
  </si>
  <si>
    <t>VISA、MASTER、AMEX、
JCB、
中国銀聯</t>
    <phoneticPr fontId="1"/>
  </si>
  <si>
    <t>〇</t>
    <phoneticPr fontId="1"/>
  </si>
  <si>
    <t>開設者名</t>
    <rPh sb="0" eb="2">
      <t>カイセツ</t>
    </rPh>
    <rPh sb="2" eb="3">
      <t>シャ</t>
    </rPh>
    <rPh sb="3" eb="4">
      <t>メイ</t>
    </rPh>
    <phoneticPr fontId="2"/>
  </si>
  <si>
    <t>医療法人</t>
    <rPh sb="0" eb="2">
      <t>イリョウ</t>
    </rPh>
    <rPh sb="2" eb="4">
      <t>ホウジン</t>
    </rPh>
    <phoneticPr fontId="1"/>
  </si>
  <si>
    <t>山田　太郎</t>
    <rPh sb="0" eb="2">
      <t>ヤマダ</t>
    </rPh>
    <rPh sb="3" eb="5">
      <t>タロウ</t>
    </rPh>
    <phoneticPr fontId="1"/>
  </si>
  <si>
    <t>医療法人</t>
    <rPh sb="0" eb="2">
      <t>イリョウ</t>
    </rPh>
    <rPh sb="2" eb="4">
      <t>ホウジン</t>
    </rPh>
    <phoneticPr fontId="1"/>
  </si>
  <si>
    <t>その他利用可能なキャッシュレスサービス</t>
    <rPh sb="2" eb="3">
      <t>タ</t>
    </rPh>
    <rPh sb="3" eb="5">
      <t>リヨウ</t>
    </rPh>
    <rPh sb="5" eb="7">
      <t>カノウ</t>
    </rPh>
    <phoneticPr fontId="1"/>
  </si>
  <si>
    <t>非接触カード決済：楽天Edy、Suica, PASMO, ICOCA、Waon, nanacoなど
QRコード決済：アリペイ、WeChatPay、LINE Payなど</t>
    <rPh sb="0" eb="1">
      <t>ヒ</t>
    </rPh>
    <rPh sb="1" eb="3">
      <t>セッショク</t>
    </rPh>
    <rPh sb="6" eb="8">
      <t>ケッサイ</t>
    </rPh>
    <rPh sb="9" eb="11">
      <t>ラクテン</t>
    </rPh>
    <rPh sb="55" eb="57">
      <t>ケッサイ</t>
    </rPh>
    <phoneticPr fontId="1"/>
  </si>
  <si>
    <t>開設者種別</t>
    <rPh sb="0" eb="2">
      <t>カイセツ</t>
    </rPh>
    <rPh sb="2" eb="3">
      <t>シャ</t>
    </rPh>
    <rPh sb="3" eb="5">
      <t>シュベツ</t>
    </rPh>
    <phoneticPr fontId="1"/>
  </si>
  <si>
    <t>厚生労働省</t>
    <rPh sb="0" eb="2">
      <t>コウセイ</t>
    </rPh>
    <rPh sb="2" eb="5">
      <t>ロウドウショウ</t>
    </rPh>
    <phoneticPr fontId="1"/>
  </si>
  <si>
    <t>国</t>
    <rPh sb="0" eb="1">
      <t>クニ</t>
    </rPh>
    <phoneticPr fontId="1"/>
  </si>
  <si>
    <t>独立行政法人国立病院機構</t>
    <rPh sb="0" eb="2">
      <t>ドクリツ</t>
    </rPh>
    <rPh sb="2" eb="4">
      <t>ギョウセイ</t>
    </rPh>
    <rPh sb="4" eb="6">
      <t>ホウジン</t>
    </rPh>
    <rPh sb="6" eb="8">
      <t>コクリツ</t>
    </rPh>
    <rPh sb="8" eb="10">
      <t>ビョウイン</t>
    </rPh>
    <rPh sb="10" eb="12">
      <t>キコウ</t>
    </rPh>
    <phoneticPr fontId="1"/>
  </si>
  <si>
    <t>備考</t>
    <rPh sb="0" eb="2">
      <t>ビコウ</t>
    </rPh>
    <phoneticPr fontId="1"/>
  </si>
  <si>
    <t>国立大学法人</t>
    <rPh sb="0" eb="2">
      <t>コクリツ</t>
    </rPh>
    <rPh sb="2" eb="4">
      <t>ダイガク</t>
    </rPh>
    <rPh sb="4" eb="6">
      <t>ホウジン</t>
    </rPh>
    <phoneticPr fontId="1"/>
  </si>
  <si>
    <t>独立行政法人労働者健康安全機構</t>
    <rPh sb="0" eb="2">
      <t>ドクリツ</t>
    </rPh>
    <rPh sb="2" eb="4">
      <t>ギョウセイ</t>
    </rPh>
    <rPh sb="4" eb="6">
      <t>ホウジン</t>
    </rPh>
    <rPh sb="6" eb="9">
      <t>ロウドウシャ</t>
    </rPh>
    <rPh sb="9" eb="11">
      <t>ケンコウ</t>
    </rPh>
    <rPh sb="11" eb="13">
      <t>アンゼン</t>
    </rPh>
    <rPh sb="13" eb="15">
      <t>キコウ</t>
    </rPh>
    <phoneticPr fontId="1"/>
  </si>
  <si>
    <t>国立高度専門医療研究センター</t>
    <rPh sb="0" eb="2">
      <t>コクリツ</t>
    </rPh>
    <rPh sb="2" eb="4">
      <t>コウド</t>
    </rPh>
    <rPh sb="4" eb="6">
      <t>センモン</t>
    </rPh>
    <rPh sb="6" eb="8">
      <t>イリョウ</t>
    </rPh>
    <rPh sb="8" eb="10">
      <t>ケンキュウ</t>
    </rPh>
    <phoneticPr fontId="1"/>
  </si>
  <si>
    <t>独立行政法人地域医療機能推進機構</t>
    <rPh sb="0" eb="2">
      <t>ドクリツ</t>
    </rPh>
    <rPh sb="2" eb="4">
      <t>ギョウセイ</t>
    </rPh>
    <rPh sb="4" eb="6">
      <t>ホウジン</t>
    </rPh>
    <rPh sb="6" eb="8">
      <t>チイキ</t>
    </rPh>
    <rPh sb="8" eb="10">
      <t>イリョウ</t>
    </rPh>
    <rPh sb="10" eb="12">
      <t>キノウ</t>
    </rPh>
    <rPh sb="12" eb="14">
      <t>スイシン</t>
    </rPh>
    <rPh sb="14" eb="16">
      <t>キコウ</t>
    </rPh>
    <phoneticPr fontId="1"/>
  </si>
  <si>
    <t>その他</t>
    <rPh sb="2" eb="3">
      <t>ホカ</t>
    </rPh>
    <phoneticPr fontId="1"/>
  </si>
  <si>
    <t>都道府県</t>
    <rPh sb="0" eb="4">
      <t>トドウフケン</t>
    </rPh>
    <phoneticPr fontId="1"/>
  </si>
  <si>
    <t>市町村</t>
    <rPh sb="0" eb="3">
      <t>シチョウソン</t>
    </rPh>
    <phoneticPr fontId="1"/>
  </si>
  <si>
    <t>地方独立行政法人</t>
    <rPh sb="0" eb="2">
      <t>チホウ</t>
    </rPh>
    <rPh sb="2" eb="4">
      <t>ドクリツ</t>
    </rPh>
    <rPh sb="4" eb="6">
      <t>ギョウセイ</t>
    </rPh>
    <rPh sb="6" eb="8">
      <t>ホウジン</t>
    </rPh>
    <phoneticPr fontId="1"/>
  </si>
  <si>
    <t>日赤</t>
    <rPh sb="0" eb="2">
      <t>ニッセキ</t>
    </rPh>
    <phoneticPr fontId="1"/>
  </si>
  <si>
    <t>済生会</t>
    <rPh sb="0" eb="1">
      <t>スミ</t>
    </rPh>
    <rPh sb="1" eb="2">
      <t>イ</t>
    </rPh>
    <rPh sb="2" eb="3">
      <t>カイ</t>
    </rPh>
    <phoneticPr fontId="1"/>
  </si>
  <si>
    <t>北海道社会事業協会</t>
    <rPh sb="0" eb="3">
      <t>ホッカイドウ</t>
    </rPh>
    <rPh sb="3" eb="5">
      <t>シャカイ</t>
    </rPh>
    <rPh sb="5" eb="7">
      <t>ジギョウ</t>
    </rPh>
    <rPh sb="7" eb="9">
      <t>キョウカイ</t>
    </rPh>
    <phoneticPr fontId="1"/>
  </si>
  <si>
    <t>厚生連</t>
    <rPh sb="0" eb="2">
      <t>コウセイ</t>
    </rPh>
    <rPh sb="2" eb="3">
      <t>レン</t>
    </rPh>
    <phoneticPr fontId="1"/>
  </si>
  <si>
    <t>国民健康保険団体連合会</t>
    <rPh sb="0" eb="2">
      <t>コクミン</t>
    </rPh>
    <rPh sb="2" eb="4">
      <t>ケンコウ</t>
    </rPh>
    <rPh sb="4" eb="6">
      <t>ホケン</t>
    </rPh>
    <rPh sb="6" eb="8">
      <t>ダンタイ</t>
    </rPh>
    <rPh sb="8" eb="11">
      <t>レンゴウカイ</t>
    </rPh>
    <phoneticPr fontId="1"/>
  </si>
  <si>
    <t>健康保険組合及び連合会</t>
    <rPh sb="0" eb="2">
      <t>ケンコウ</t>
    </rPh>
    <rPh sb="2" eb="4">
      <t>ホケン</t>
    </rPh>
    <rPh sb="4" eb="6">
      <t>クミアイ</t>
    </rPh>
    <rPh sb="6" eb="7">
      <t>オヨ</t>
    </rPh>
    <rPh sb="8" eb="11">
      <t>レンゴウカイ</t>
    </rPh>
    <phoneticPr fontId="1"/>
  </si>
  <si>
    <t>共済組合及びその連合会</t>
    <rPh sb="0" eb="2">
      <t>キョウサイ</t>
    </rPh>
    <rPh sb="2" eb="4">
      <t>クミアイ</t>
    </rPh>
    <rPh sb="4" eb="5">
      <t>オヨ</t>
    </rPh>
    <rPh sb="8" eb="11">
      <t>レンゴウカイ</t>
    </rPh>
    <phoneticPr fontId="1"/>
  </si>
  <si>
    <t>国民健康保険組合</t>
    <rPh sb="0" eb="2">
      <t>コクミン</t>
    </rPh>
    <rPh sb="2" eb="4">
      <t>ケンコウ</t>
    </rPh>
    <rPh sb="4" eb="6">
      <t>ホケン</t>
    </rPh>
    <rPh sb="6" eb="8">
      <t>クミアイ</t>
    </rPh>
    <phoneticPr fontId="1"/>
  </si>
  <si>
    <t>公益法人</t>
    <rPh sb="0" eb="2">
      <t>コウエキ</t>
    </rPh>
    <rPh sb="2" eb="4">
      <t>ホウジン</t>
    </rPh>
    <phoneticPr fontId="1"/>
  </si>
  <si>
    <t>私立学校法人</t>
    <rPh sb="0" eb="2">
      <t>シリツ</t>
    </rPh>
    <rPh sb="2" eb="4">
      <t>ガッコウ</t>
    </rPh>
    <rPh sb="4" eb="6">
      <t>ホウジン</t>
    </rPh>
    <phoneticPr fontId="1"/>
  </si>
  <si>
    <t>社会福祉法人</t>
    <rPh sb="0" eb="2">
      <t>シャカイ</t>
    </rPh>
    <rPh sb="2" eb="4">
      <t>フクシ</t>
    </rPh>
    <rPh sb="4" eb="6">
      <t>ホウジン</t>
    </rPh>
    <phoneticPr fontId="1"/>
  </si>
  <si>
    <t>医療生協</t>
    <rPh sb="0" eb="2">
      <t>イリョウ</t>
    </rPh>
    <rPh sb="2" eb="4">
      <t>セイキョウ</t>
    </rPh>
    <phoneticPr fontId="1"/>
  </si>
  <si>
    <t>会社</t>
    <rPh sb="0" eb="2">
      <t>カイシャ</t>
    </rPh>
    <phoneticPr fontId="1"/>
  </si>
  <si>
    <t>その他の法人</t>
    <rPh sb="2" eb="3">
      <t>ホカ</t>
    </rPh>
    <rPh sb="4" eb="6">
      <t>ホウジン</t>
    </rPh>
    <phoneticPr fontId="1"/>
  </si>
  <si>
    <t>NO</t>
    <phoneticPr fontId="1"/>
  </si>
  <si>
    <t>―</t>
    <phoneticPr fontId="1"/>
  </si>
  <si>
    <t>開設者種別一覧表</t>
    <rPh sb="0" eb="2">
      <t>カイセツ</t>
    </rPh>
    <rPh sb="2" eb="3">
      <t>シャ</t>
    </rPh>
    <rPh sb="3" eb="5">
      <t>シュベツ</t>
    </rPh>
    <rPh sb="5" eb="7">
      <t>イチラン</t>
    </rPh>
    <rPh sb="7" eb="8">
      <t>ヒョウ</t>
    </rPh>
    <phoneticPr fontId="1"/>
  </si>
  <si>
    <t>医療機関名</t>
    <rPh sb="0" eb="2">
      <t>イリョウ</t>
    </rPh>
    <rPh sb="2" eb="4">
      <t>キカン</t>
    </rPh>
    <rPh sb="4" eb="5">
      <t>メイ</t>
    </rPh>
    <phoneticPr fontId="1"/>
  </si>
  <si>
    <t>住　所</t>
    <rPh sb="0" eb="1">
      <t>ジュウ</t>
    </rPh>
    <rPh sb="2" eb="3">
      <t>ショ</t>
    </rPh>
    <phoneticPr fontId="1"/>
  </si>
  <si>
    <t>電話番号</t>
    <rPh sb="0" eb="2">
      <t>デンワ</t>
    </rPh>
    <rPh sb="2" eb="4">
      <t>バンゴウ</t>
    </rPh>
    <phoneticPr fontId="1"/>
  </si>
  <si>
    <t>連絡先（所属）</t>
    <rPh sb="0" eb="2">
      <t>レンラク</t>
    </rPh>
    <rPh sb="2" eb="3">
      <t>サキ</t>
    </rPh>
    <rPh sb="4" eb="6">
      <t>ショゾク</t>
    </rPh>
    <phoneticPr fontId="1"/>
  </si>
  <si>
    <t>選出意向
区　分</t>
    <rPh sb="0" eb="2">
      <t>センシュツ</t>
    </rPh>
    <rPh sb="2" eb="4">
      <t>イコウ</t>
    </rPh>
    <rPh sb="5" eb="6">
      <t>ク</t>
    </rPh>
    <rPh sb="7" eb="8">
      <t>ブン</t>
    </rPh>
    <phoneticPr fontId="1"/>
  </si>
  <si>
    <t>選出区分の概要</t>
    <rPh sb="0" eb="2">
      <t>センシュツ</t>
    </rPh>
    <rPh sb="2" eb="4">
      <t>クブン</t>
    </rPh>
    <rPh sb="5" eb="7">
      <t>ガイヨウ</t>
    </rPh>
    <phoneticPr fontId="24"/>
  </si>
  <si>
    <t>1-20-3，Minatomirai,Nishi－ku，Yokohama，Kanagawa</t>
    <phoneticPr fontId="1"/>
  </si>
  <si>
    <t>神奈川県横浜市西区みなとみらい1-20-3</t>
    <rPh sb="0" eb="4">
      <t>カナガワケン</t>
    </rPh>
    <rPh sb="4" eb="7">
      <t>ヨコハマシ</t>
    </rPh>
    <rPh sb="7" eb="9">
      <t>ニシク</t>
    </rPh>
    <phoneticPr fontId="6"/>
  </si>
  <si>
    <r>
      <t>http://www.○〇 (</t>
    </r>
    <r>
      <rPr>
        <sz val="16"/>
        <color rgb="FF000000"/>
        <rFont val="ＭＳ Ｐゴシック"/>
        <family val="3"/>
        <charset val="128"/>
      </rPr>
      <t>日本語</t>
    </r>
    <r>
      <rPr>
        <sz val="16"/>
        <color rgb="FF000000"/>
        <rFont val="Arial"/>
        <family val="2"/>
      </rPr>
      <t>)
http://www.</t>
    </r>
    <r>
      <rPr>
        <sz val="16"/>
        <color rgb="FF000000"/>
        <rFont val="ＭＳ Ｐゴシック"/>
        <family val="3"/>
        <charset val="128"/>
      </rPr>
      <t>○〇</t>
    </r>
    <r>
      <rPr>
        <sz val="16"/>
        <color rgb="FF000000"/>
        <rFont val="Arial"/>
        <family val="2"/>
      </rPr>
      <t xml:space="preserve"> (</t>
    </r>
    <r>
      <rPr>
        <sz val="16"/>
        <color rgb="FF000000"/>
        <rFont val="ＭＳ Ｐゴシック"/>
        <family val="3"/>
        <charset val="128"/>
      </rPr>
      <t>英語</t>
    </r>
    <r>
      <rPr>
        <sz val="16"/>
        <color rgb="FF000000"/>
        <rFont val="Arial"/>
        <family val="2"/>
      </rPr>
      <t>)</t>
    </r>
    <rPh sb="15" eb="18">
      <t>ニホンゴ</t>
    </rPh>
    <rPh sb="35" eb="37">
      <t>エイゴ</t>
    </rPh>
    <phoneticPr fontId="6"/>
  </si>
  <si>
    <t>提出先（回答先）メールアドレス</t>
    <rPh sb="0" eb="2">
      <t>テイシュツ</t>
    </rPh>
    <rPh sb="2" eb="3">
      <t>サキ</t>
    </rPh>
    <rPh sb="4" eb="6">
      <t>カイトウ</t>
    </rPh>
    <rPh sb="6" eb="7">
      <t>サキ</t>
    </rPh>
    <phoneticPr fontId="1"/>
  </si>
  <si>
    <t>個人</t>
    <rPh sb="0" eb="2">
      <t>コジン</t>
    </rPh>
    <phoneticPr fontId="1"/>
  </si>
  <si>
    <t>救急医療体制</t>
    <rPh sb="0" eb="2">
      <t>キュウキュウ</t>
    </rPh>
    <rPh sb="2" eb="4">
      <t>イリョウ</t>
    </rPh>
    <rPh sb="4" eb="6">
      <t>タイセイ</t>
    </rPh>
    <phoneticPr fontId="1"/>
  </si>
  <si>
    <t>　　　　　　　　　主な選出要件</t>
    <rPh sb="9" eb="10">
      <t>オモ</t>
    </rPh>
    <rPh sb="11" eb="13">
      <t>センシュツ</t>
    </rPh>
    <rPh sb="13" eb="15">
      <t>ヨウケン</t>
    </rPh>
    <phoneticPr fontId="1"/>
  </si>
  <si>
    <t>(区分１）
外国人患者で入院を要する救急患者に対応可能な医療機関</t>
    <rPh sb="1" eb="3">
      <t>クブン</t>
    </rPh>
    <rPh sb="6" eb="8">
      <t>ガイコク</t>
    </rPh>
    <rPh sb="8" eb="9">
      <t>ジン</t>
    </rPh>
    <rPh sb="9" eb="11">
      <t>カンジャ</t>
    </rPh>
    <rPh sb="12" eb="14">
      <t>ニュウイン</t>
    </rPh>
    <rPh sb="15" eb="16">
      <t>ヨウ</t>
    </rPh>
    <rPh sb="18" eb="20">
      <t>キュウキュウ</t>
    </rPh>
    <rPh sb="20" eb="22">
      <t>カンジャ</t>
    </rPh>
    <rPh sb="23" eb="25">
      <t>タイオウ</t>
    </rPh>
    <rPh sb="25" eb="27">
      <t>カノウ</t>
    </rPh>
    <rPh sb="28" eb="30">
      <t>イリョウ</t>
    </rPh>
    <rPh sb="30" eb="32">
      <t>キカン</t>
    </rPh>
    <phoneticPr fontId="1"/>
  </si>
  <si>
    <t>・保険医療機関であること
・原則、二次以上の救急医療機関に該当しない医療機関</t>
    <rPh sb="1" eb="3">
      <t>ホケン</t>
    </rPh>
    <rPh sb="3" eb="5">
      <t>イリョウ</t>
    </rPh>
    <rPh sb="5" eb="7">
      <t>キカン</t>
    </rPh>
    <rPh sb="14" eb="16">
      <t>ゲンソク</t>
    </rPh>
    <rPh sb="17" eb="19">
      <t>ニジ</t>
    </rPh>
    <rPh sb="19" eb="21">
      <t>イジョウ</t>
    </rPh>
    <rPh sb="22" eb="24">
      <t>キュウキュウ</t>
    </rPh>
    <rPh sb="24" eb="26">
      <t>イリョウ</t>
    </rPh>
    <rPh sb="26" eb="28">
      <t>キカン</t>
    </rPh>
    <rPh sb="29" eb="31">
      <t>ガイトウ</t>
    </rPh>
    <rPh sb="34" eb="36">
      <t>イリョウ</t>
    </rPh>
    <rPh sb="36" eb="38">
      <t>キカン</t>
    </rPh>
    <phoneticPr fontId="1"/>
  </si>
  <si>
    <t>連絡先氏名※</t>
    <phoneticPr fontId="1"/>
  </si>
  <si>
    <t>※入力内容の照会に対応できる方を記入してください。</t>
    <phoneticPr fontId="1"/>
  </si>
  <si>
    <t>連絡先メールアドレス</t>
    <rPh sb="0" eb="3">
      <t>レンラクサキ</t>
    </rPh>
    <phoneticPr fontId="1"/>
  </si>
  <si>
    <t>【対応診療科】</t>
    <rPh sb="1" eb="3">
      <t>タイオウ</t>
    </rPh>
    <rPh sb="3" eb="6">
      <t>シンリョウカ</t>
    </rPh>
    <phoneticPr fontId="1"/>
  </si>
  <si>
    <t>救急課</t>
    <rPh sb="0" eb="2">
      <t>キュウキュウ</t>
    </rPh>
    <rPh sb="2" eb="3">
      <t>カ</t>
    </rPh>
    <phoneticPr fontId="1"/>
  </si>
  <si>
    <t>内科</t>
    <rPh sb="0" eb="2">
      <t>ナイカ</t>
    </rPh>
    <phoneticPr fontId="1"/>
  </si>
  <si>
    <t>外科</t>
    <rPh sb="0" eb="2">
      <t>ゲカ</t>
    </rPh>
    <phoneticPr fontId="1"/>
  </si>
  <si>
    <t>小児科</t>
    <rPh sb="0" eb="3">
      <t>ショウニカ</t>
    </rPh>
    <phoneticPr fontId="1"/>
  </si>
  <si>
    <t>精神科</t>
    <rPh sb="0" eb="3">
      <t>セイシンカ</t>
    </rPh>
    <phoneticPr fontId="1"/>
  </si>
  <si>
    <t>皮膚科</t>
    <rPh sb="0" eb="3">
      <t>ヒフカ</t>
    </rPh>
    <phoneticPr fontId="1"/>
  </si>
  <si>
    <t>脳神経外科</t>
    <rPh sb="0" eb="3">
      <t>ノウシンケイ</t>
    </rPh>
    <rPh sb="3" eb="5">
      <t>ゲカ</t>
    </rPh>
    <phoneticPr fontId="1"/>
  </si>
  <si>
    <t>泌尿器科</t>
    <rPh sb="0" eb="4">
      <t>ヒニョウキカ</t>
    </rPh>
    <phoneticPr fontId="1"/>
  </si>
  <si>
    <t>整形外科</t>
    <rPh sb="0" eb="2">
      <t>セイケイ</t>
    </rPh>
    <rPh sb="2" eb="4">
      <t>ゲカ</t>
    </rPh>
    <phoneticPr fontId="1"/>
  </si>
  <si>
    <t>眼科</t>
    <rPh sb="0" eb="2">
      <t>ガンカ</t>
    </rPh>
    <phoneticPr fontId="1"/>
  </si>
  <si>
    <t>耳鼻咽喉科</t>
    <rPh sb="0" eb="2">
      <t>ジビ</t>
    </rPh>
    <rPh sb="2" eb="4">
      <t>インコウ</t>
    </rPh>
    <rPh sb="4" eb="5">
      <t>カ</t>
    </rPh>
    <phoneticPr fontId="1"/>
  </si>
  <si>
    <t>産科</t>
    <rPh sb="0" eb="2">
      <t>サンカ</t>
    </rPh>
    <phoneticPr fontId="1"/>
  </si>
  <si>
    <t>婦人科</t>
    <rPh sb="0" eb="3">
      <t>フジンカ</t>
    </rPh>
    <phoneticPr fontId="1"/>
  </si>
  <si>
    <t>歯科</t>
    <rPh sb="0" eb="2">
      <t>シカ</t>
    </rPh>
    <phoneticPr fontId="1"/>
  </si>
  <si>
    <t>EN</t>
    <phoneticPr fontId="1"/>
  </si>
  <si>
    <t>ZH</t>
    <phoneticPr fontId="1"/>
  </si>
  <si>
    <t>KO</t>
    <phoneticPr fontId="1"/>
  </si>
  <si>
    <t>RU</t>
    <phoneticPr fontId="1"/>
  </si>
  <si>
    <t>ID</t>
    <phoneticPr fontId="1"/>
  </si>
  <si>
    <t>MS</t>
    <phoneticPr fontId="1"/>
  </si>
  <si>
    <t>ES</t>
    <phoneticPr fontId="1"/>
  </si>
  <si>
    <t>英語</t>
    <rPh sb="0" eb="2">
      <t>エイゴ</t>
    </rPh>
    <phoneticPr fontId="1"/>
  </si>
  <si>
    <t>中国語</t>
    <rPh sb="0" eb="3">
      <t>チュウゴクゴ</t>
    </rPh>
    <phoneticPr fontId="1"/>
  </si>
  <si>
    <t>韓国語</t>
    <rPh sb="0" eb="3">
      <t>カンコクゴ</t>
    </rPh>
    <phoneticPr fontId="1"/>
  </si>
  <si>
    <t>ロシア語</t>
    <rPh sb="3" eb="4">
      <t>ゴ</t>
    </rPh>
    <phoneticPr fontId="1"/>
  </si>
  <si>
    <t>インドネシア語</t>
    <rPh sb="6" eb="7">
      <t>ゴ</t>
    </rPh>
    <phoneticPr fontId="1"/>
  </si>
  <si>
    <t>マレー語</t>
    <rPh sb="3" eb="4">
      <t>ゴ</t>
    </rPh>
    <phoneticPr fontId="1"/>
  </si>
  <si>
    <t>スペイン語</t>
    <rPh sb="4" eb="5">
      <t>ゴ</t>
    </rPh>
    <phoneticPr fontId="1"/>
  </si>
  <si>
    <t>PT</t>
    <phoneticPr fontId="1"/>
  </si>
  <si>
    <t>ポルトガル語</t>
    <rPh sb="5" eb="6">
      <t>ゴ</t>
    </rPh>
    <phoneticPr fontId="1"/>
  </si>
  <si>
    <t>MN</t>
    <phoneticPr fontId="1"/>
  </si>
  <si>
    <t>モンゴル語</t>
    <rPh sb="4" eb="5">
      <t>ゴ</t>
    </rPh>
    <phoneticPr fontId="1"/>
  </si>
  <si>
    <t>FR</t>
    <phoneticPr fontId="1"/>
  </si>
  <si>
    <t>フランス語</t>
    <rPh sb="4" eb="5">
      <t>ゴ</t>
    </rPh>
    <phoneticPr fontId="1"/>
  </si>
  <si>
    <t>DE</t>
    <phoneticPr fontId="1"/>
  </si>
  <si>
    <t>ドイツ語</t>
    <rPh sb="3" eb="4">
      <t>ゴ</t>
    </rPh>
    <phoneticPr fontId="1"/>
  </si>
  <si>
    <t>FA</t>
    <phoneticPr fontId="1"/>
  </si>
  <si>
    <t>ペルシャ語</t>
    <rPh sb="4" eb="5">
      <t>ゴ</t>
    </rPh>
    <phoneticPr fontId="1"/>
  </si>
  <si>
    <t>BO</t>
    <phoneticPr fontId="1"/>
  </si>
  <si>
    <t>チベット語</t>
    <rPh sb="4" eb="5">
      <t>ゴ</t>
    </rPh>
    <phoneticPr fontId="1"/>
  </si>
  <si>
    <t>TL</t>
    <phoneticPr fontId="1"/>
  </si>
  <si>
    <t>タガログ語</t>
    <rPh sb="4" eb="5">
      <t>ゴ</t>
    </rPh>
    <phoneticPr fontId="1"/>
  </si>
  <si>
    <t>NE</t>
    <phoneticPr fontId="1"/>
  </si>
  <si>
    <t>ネパール語</t>
    <rPh sb="4" eb="5">
      <t>ゴ</t>
    </rPh>
    <phoneticPr fontId="1"/>
  </si>
  <si>
    <t>VI</t>
    <phoneticPr fontId="1"/>
  </si>
  <si>
    <t>ベトナム語</t>
    <rPh sb="4" eb="5">
      <t>ゴ</t>
    </rPh>
    <phoneticPr fontId="1"/>
  </si>
  <si>
    <t>TH</t>
    <phoneticPr fontId="1"/>
  </si>
  <si>
    <t>タイ語</t>
    <rPh sb="2" eb="3">
      <t>ゴ</t>
    </rPh>
    <phoneticPr fontId="1"/>
  </si>
  <si>
    <t>PO</t>
    <phoneticPr fontId="1"/>
  </si>
  <si>
    <t>ポーランド語</t>
    <rPh sb="5" eb="6">
      <t>ゴ</t>
    </rPh>
    <phoneticPr fontId="1"/>
  </si>
  <si>
    <t>RO</t>
    <phoneticPr fontId="1"/>
  </si>
  <si>
    <t>ルーマニア語</t>
    <rPh sb="5" eb="6">
      <t>ゴ</t>
    </rPh>
    <phoneticPr fontId="1"/>
  </si>
  <si>
    <t>SI</t>
    <phoneticPr fontId="1"/>
  </si>
  <si>
    <t>シンハラ後</t>
    <rPh sb="4" eb="5">
      <t>ゴ</t>
    </rPh>
    <phoneticPr fontId="1"/>
  </si>
  <si>
    <t>HI</t>
    <phoneticPr fontId="1"/>
  </si>
  <si>
    <t>ヒンディー語</t>
    <rPh sb="5" eb="6">
      <t>ゴ</t>
    </rPh>
    <phoneticPr fontId="1"/>
  </si>
  <si>
    <t>IT</t>
    <phoneticPr fontId="1"/>
  </si>
  <si>
    <t>イタリア語</t>
    <rPh sb="4" eb="5">
      <t>ゴ</t>
    </rPh>
    <phoneticPr fontId="1"/>
  </si>
  <si>
    <t>KM</t>
    <phoneticPr fontId="1"/>
  </si>
  <si>
    <t>クメール語</t>
    <rPh sb="4" eb="5">
      <t>ゴ</t>
    </rPh>
    <phoneticPr fontId="1"/>
  </si>
  <si>
    <t>LO</t>
    <phoneticPr fontId="1"/>
  </si>
  <si>
    <t>ラオス語</t>
    <rPh sb="3" eb="4">
      <t>ゴ</t>
    </rPh>
    <phoneticPr fontId="1"/>
  </si>
  <si>
    <t>AR</t>
    <phoneticPr fontId="1"/>
  </si>
  <si>
    <t>アラビア語</t>
    <rPh sb="4" eb="5">
      <t>ゴ</t>
    </rPh>
    <phoneticPr fontId="1"/>
  </si>
  <si>
    <t>横浜市電話医療通訳サービス</t>
    <rPh sb="0" eb="9">
      <t>ヨコハマシデンワイリョウツウヤク</t>
    </rPh>
    <phoneticPr fontId="1"/>
  </si>
  <si>
    <t>外国人患者対応の専門部署の有無</t>
    <rPh sb="13" eb="15">
      <t>ウム</t>
    </rPh>
    <phoneticPr fontId="1"/>
  </si>
  <si>
    <t>【対応言語】</t>
    <rPh sb="1" eb="3">
      <t>タイオウ</t>
    </rPh>
    <rPh sb="3" eb="5">
      <t>ゲンゴ</t>
    </rPh>
    <phoneticPr fontId="1"/>
  </si>
  <si>
    <t xml:space="preserve"> 外国人向け医療コーディネーターの有無</t>
    <rPh sb="17" eb="19">
      <t>ウム</t>
    </rPh>
    <phoneticPr fontId="1"/>
  </si>
  <si>
    <t>〇</t>
    <phoneticPr fontId="1"/>
  </si>
  <si>
    <t>留意事項</t>
    <rPh sb="0" eb="2">
      <t>リュウイ</t>
    </rPh>
    <rPh sb="2" eb="4">
      <t>ジコウ</t>
    </rPh>
    <phoneticPr fontId="1"/>
  </si>
  <si>
    <t>番号</t>
    <rPh sb="0" eb="2">
      <t>バンゴウ</t>
    </rPh>
    <phoneticPr fontId="1"/>
  </si>
  <si>
    <t>項目</t>
    <rPh sb="0" eb="2">
      <t>コウモク</t>
    </rPh>
    <phoneticPr fontId="1"/>
  </si>
  <si>
    <t>医療機関記入欄</t>
    <rPh sb="0" eb="2">
      <t>イリョウ</t>
    </rPh>
    <rPh sb="2" eb="4">
      <t>キカン</t>
    </rPh>
    <rPh sb="4" eb="6">
      <t>キニュウ</t>
    </rPh>
    <rPh sb="6" eb="7">
      <t>ラン</t>
    </rPh>
    <phoneticPr fontId="1"/>
  </si>
  <si>
    <t>英語で記載</t>
    <phoneticPr fontId="1"/>
  </si>
  <si>
    <t>英語で記載</t>
    <phoneticPr fontId="1"/>
  </si>
  <si>
    <t>外国語対応が可能な診療科と対応可能な外国語を記載。下記の表または●コピペ用シートから選択、記入</t>
    <rPh sb="25" eb="27">
      <t>カキ</t>
    </rPh>
    <rPh sb="28" eb="29">
      <t>ヒョウ</t>
    </rPh>
    <rPh sb="36" eb="37">
      <t>ヨウ</t>
    </rPh>
    <rPh sb="42" eb="44">
      <t>センタク</t>
    </rPh>
    <rPh sb="45" eb="47">
      <t>キニュウ</t>
    </rPh>
    <phoneticPr fontId="1"/>
  </si>
  <si>
    <t>【対応診療科】
【対応言語】</t>
    <rPh sb="1" eb="3">
      <t>タイオウ</t>
    </rPh>
    <rPh sb="3" eb="6">
      <t>シンリョウカ</t>
    </rPh>
    <rPh sb="11" eb="13">
      <t>タイオウ</t>
    </rPh>
    <rPh sb="13" eb="15">
      <t>ゲンゴ</t>
    </rPh>
    <phoneticPr fontId="1"/>
  </si>
  <si>
    <t>プルダウンで該当するものを選択（項目のコメント参照）</t>
    <rPh sb="6" eb="8">
      <t>ガイトウ</t>
    </rPh>
    <rPh sb="13" eb="15">
      <t>センタク</t>
    </rPh>
    <rPh sb="16" eb="18">
      <t>コウモク</t>
    </rPh>
    <rPh sb="23" eb="25">
      <t>サンショウ</t>
    </rPh>
    <phoneticPr fontId="1"/>
  </si>
  <si>
    <t>医療通訳者（医療通訳が可能な職員）の有無</t>
    <rPh sb="0" eb="2">
      <t>イリョウ</t>
    </rPh>
    <rPh sb="2" eb="5">
      <t>ツウヤクシャ</t>
    </rPh>
    <rPh sb="6" eb="8">
      <t>イリョウ</t>
    </rPh>
    <rPh sb="8" eb="10">
      <t>ツウヤク</t>
    </rPh>
    <rPh sb="11" eb="13">
      <t>カノウ</t>
    </rPh>
    <rPh sb="14" eb="16">
      <t>ショクイン</t>
    </rPh>
    <rPh sb="18" eb="20">
      <t>ウム</t>
    </rPh>
    <phoneticPr fontId="1"/>
  </si>
  <si>
    <t>医療通訳者（医療通訳が可能な職員）</t>
    <phoneticPr fontId="1"/>
  </si>
  <si>
    <t>☐医師
☐看護師
☐受付スタッフ
☐通訳スタッフ（派遣）
☐その他
　（　　　　　　　）</t>
    <rPh sb="1" eb="3">
      <t>イシ</t>
    </rPh>
    <rPh sb="5" eb="8">
      <t>カンゴシ</t>
    </rPh>
    <rPh sb="10" eb="12">
      <t>ウケツケ</t>
    </rPh>
    <rPh sb="18" eb="20">
      <t>ツウヤク</t>
    </rPh>
    <rPh sb="25" eb="27">
      <t>ハケン</t>
    </rPh>
    <rPh sb="32" eb="33">
      <t>タ</t>
    </rPh>
    <phoneticPr fontId="1"/>
  </si>
  <si>
    <t>「医師・看護師・受付スタッフ」の外国語レベル</t>
    <phoneticPr fontId="1"/>
  </si>
  <si>
    <t>「通訳スタッフ（派遣）」を選択の場合、予約の要・不要</t>
    <phoneticPr fontId="1"/>
  </si>
  <si>
    <t>【対応言語】
【対応時間】</t>
    <phoneticPr fontId="1"/>
  </si>
  <si>
    <t>【対応言語】
【対応時間】</t>
    <rPh sb="1" eb="3">
      <t>タイオウ</t>
    </rPh>
    <rPh sb="3" eb="5">
      <t>ゲンゴ</t>
    </rPh>
    <rPh sb="9" eb="11">
      <t>タイオウ</t>
    </rPh>
    <rPh sb="11" eb="13">
      <t>ジカン</t>
    </rPh>
    <phoneticPr fontId="1"/>
  </si>
  <si>
    <t>遠隔通訳の種類</t>
    <rPh sb="0" eb="2">
      <t>エンカク</t>
    </rPh>
    <rPh sb="2" eb="4">
      <t>ツウヤク</t>
    </rPh>
    <rPh sb="5" eb="7">
      <t>シュルイ</t>
    </rPh>
    <phoneticPr fontId="1"/>
  </si>
  <si>
    <t>☐電話通訳
☐ビデオ通訳
☐その他
　（　　　　　　　）</t>
    <rPh sb="1" eb="3">
      <t>デンワ</t>
    </rPh>
    <rPh sb="3" eb="5">
      <t>ツウヤク</t>
    </rPh>
    <rPh sb="10" eb="12">
      <t>ツウヤク</t>
    </rPh>
    <rPh sb="16" eb="17">
      <t>タ</t>
    </rPh>
    <phoneticPr fontId="1"/>
  </si>
  <si>
    <t>その他の言語サポート（機械通訳等）の有無</t>
    <rPh sb="2" eb="3">
      <t>タ</t>
    </rPh>
    <rPh sb="4" eb="6">
      <t>ゲンゴ</t>
    </rPh>
    <rPh sb="11" eb="13">
      <t>キカイ</t>
    </rPh>
    <rPh sb="13" eb="15">
      <t>ツウヤク</t>
    </rPh>
    <rPh sb="15" eb="16">
      <t>トウ</t>
    </rPh>
    <rPh sb="18" eb="20">
      <t>ウム</t>
    </rPh>
    <phoneticPr fontId="1"/>
  </si>
  <si>
    <t>特記事項</t>
    <rPh sb="0" eb="2">
      <t>トッキ</t>
    </rPh>
    <rPh sb="2" eb="4">
      <t>ジコウ</t>
    </rPh>
    <phoneticPr fontId="1"/>
  </si>
  <si>
    <t>郵便番号</t>
    <rPh sb="0" eb="2">
      <t>ユウビン</t>
    </rPh>
    <rPh sb="2" eb="4">
      <t>バンゴウ</t>
    </rPh>
    <phoneticPr fontId="1"/>
  </si>
  <si>
    <t>電話番号</t>
    <phoneticPr fontId="1"/>
  </si>
  <si>
    <t>受付時間</t>
    <phoneticPr fontId="1"/>
  </si>
  <si>
    <t>WEBサイト</t>
    <phoneticPr fontId="1"/>
  </si>
  <si>
    <t>対応診療科と対応言語</t>
    <rPh sb="8" eb="10">
      <t>ゲンゴ</t>
    </rPh>
    <phoneticPr fontId="1"/>
  </si>
  <si>
    <t>利用可能なクレジットカード</t>
    <phoneticPr fontId="1"/>
  </si>
  <si>
    <t>外国人患者対応の専門部署</t>
    <phoneticPr fontId="1"/>
  </si>
  <si>
    <t>外国人向け医療コーディネーター</t>
    <rPh sb="0" eb="2">
      <t>ガイコク</t>
    </rPh>
    <rPh sb="2" eb="3">
      <t>ジン</t>
    </rPh>
    <rPh sb="3" eb="4">
      <t>ム</t>
    </rPh>
    <rPh sb="5" eb="7">
      <t>イリョウ</t>
    </rPh>
    <phoneticPr fontId="1"/>
  </si>
  <si>
    <t>医療通訳者（医療通訳が可能な職員）</t>
    <rPh sb="0" eb="2">
      <t>イリョウ</t>
    </rPh>
    <rPh sb="2" eb="5">
      <t>ツウヤクシャ</t>
    </rPh>
    <rPh sb="6" eb="8">
      <t>イリョウ</t>
    </rPh>
    <rPh sb="8" eb="10">
      <t>ツウヤク</t>
    </rPh>
    <rPh sb="11" eb="13">
      <t>カノウ</t>
    </rPh>
    <rPh sb="14" eb="16">
      <t>ショクイン</t>
    </rPh>
    <phoneticPr fontId="1"/>
  </si>
  <si>
    <r>
      <rPr>
        <b/>
        <u/>
        <sz val="14"/>
        <color rgb="FFFF0000"/>
        <rFont val="游ゴシック"/>
        <family val="3"/>
        <charset val="128"/>
        <scheme val="minor"/>
      </rPr>
      <t>・22で「通訳スタッフ（派遣）」を選択した場合、要・不要のいずれかを選択</t>
    </r>
    <r>
      <rPr>
        <b/>
        <sz val="14"/>
        <color rgb="FFFF0000"/>
        <rFont val="游ゴシック"/>
        <family val="3"/>
        <charset val="128"/>
        <scheme val="minor"/>
      </rPr>
      <t xml:space="preserve">
・「要」を選択した場合、29「特記事項」に注意事項、電話番号等を記入
</t>
    </r>
    <rPh sb="5" eb="7">
      <t>ツウヤク</t>
    </rPh>
    <rPh sb="12" eb="14">
      <t>ハケン</t>
    </rPh>
    <rPh sb="17" eb="19">
      <t>センタク</t>
    </rPh>
    <rPh sb="21" eb="23">
      <t>バアイ</t>
    </rPh>
    <rPh sb="24" eb="25">
      <t>ヨウ</t>
    </rPh>
    <rPh sb="26" eb="28">
      <t>フヨウ</t>
    </rPh>
    <rPh sb="34" eb="36">
      <t>センタク</t>
    </rPh>
    <rPh sb="39" eb="40">
      <t>ヨウ</t>
    </rPh>
    <rPh sb="42" eb="44">
      <t>センタク</t>
    </rPh>
    <rPh sb="46" eb="48">
      <t>バアイ</t>
    </rPh>
    <rPh sb="52" eb="54">
      <t>トッキ</t>
    </rPh>
    <rPh sb="54" eb="56">
      <t>ジコウ</t>
    </rPh>
    <rPh sb="58" eb="60">
      <t>チュウイ</t>
    </rPh>
    <rPh sb="60" eb="62">
      <t>ジコウ</t>
    </rPh>
    <rPh sb="63" eb="65">
      <t>デンワ</t>
    </rPh>
    <rPh sb="65" eb="67">
      <t>バンゴウ</t>
    </rPh>
    <rPh sb="67" eb="68">
      <t>トウ</t>
    </rPh>
    <rPh sb="69" eb="71">
      <t>キニュウ</t>
    </rPh>
    <phoneticPr fontId="1"/>
  </si>
  <si>
    <r>
      <rPr>
        <b/>
        <u/>
        <sz val="14"/>
        <color rgb="FFFF0000"/>
        <rFont val="游ゴシック"/>
        <family val="3"/>
        <charset val="128"/>
        <scheme val="minor"/>
      </rPr>
      <t>・22で「通訳スタッフ（派遣）」を選択した場合、要・不要のいずれかを選択</t>
    </r>
    <r>
      <rPr>
        <b/>
        <sz val="14"/>
        <color rgb="FFFF0000"/>
        <rFont val="游ゴシック"/>
        <family val="3"/>
        <charset val="128"/>
        <scheme val="minor"/>
      </rPr>
      <t xml:space="preserve">
・「要」を選択した場合、29「特記事項」に金額記入</t>
    </r>
    <rPh sb="39" eb="40">
      <t>ヨウ</t>
    </rPh>
    <rPh sb="42" eb="44">
      <t>センタク</t>
    </rPh>
    <rPh sb="46" eb="48">
      <t>バアイ</t>
    </rPh>
    <rPh sb="52" eb="54">
      <t>トッキ</t>
    </rPh>
    <rPh sb="54" eb="56">
      <t>ジコウ</t>
    </rPh>
    <rPh sb="58" eb="60">
      <t>キンガク</t>
    </rPh>
    <rPh sb="60" eb="62">
      <t>キニュウ</t>
    </rPh>
    <phoneticPr fontId="1"/>
  </si>
  <si>
    <t>遠隔通訳（ビデオ通訳、電話通訳等）</t>
    <rPh sb="0" eb="2">
      <t>エンカク</t>
    </rPh>
    <rPh sb="2" eb="4">
      <t>ツウヤク</t>
    </rPh>
    <rPh sb="8" eb="10">
      <t>ツウヤク</t>
    </rPh>
    <rPh sb="11" eb="13">
      <t>デンワ</t>
    </rPh>
    <rPh sb="13" eb="15">
      <t>ツウヤク</t>
    </rPh>
    <rPh sb="15" eb="16">
      <t>トウ</t>
    </rPh>
    <phoneticPr fontId="1"/>
  </si>
  <si>
    <t>その他の言語サポート（機械通訳等）</t>
    <phoneticPr fontId="1"/>
  </si>
  <si>
    <t>基本情報</t>
    <rPh sb="0" eb="2">
      <t>キホン</t>
    </rPh>
    <rPh sb="2" eb="4">
      <t>ジョウホウ</t>
    </rPh>
    <phoneticPr fontId="1"/>
  </si>
  <si>
    <r>
      <rPr>
        <b/>
        <u/>
        <sz val="14"/>
        <color rgb="FFFF0000"/>
        <rFont val="游ゴシック"/>
        <family val="3"/>
        <charset val="128"/>
        <scheme val="minor"/>
      </rPr>
      <t>・22で「医師」「看護師」「受付スタッフ」を選択した場合記入</t>
    </r>
    <r>
      <rPr>
        <b/>
        <sz val="14"/>
        <color rgb="FFFF0000"/>
        <rFont val="游ゴシック"/>
        <family val="3"/>
        <charset val="128"/>
        <scheme val="minor"/>
      </rPr>
      <t xml:space="preserve">
・該当に✓
・書ききれない場合は、特記事項にご記入ください。</t>
    </r>
    <rPh sb="5" eb="7">
      <t>イシ</t>
    </rPh>
    <rPh sb="9" eb="12">
      <t>カンゴシ</t>
    </rPh>
    <rPh sb="14" eb="16">
      <t>ウケツケ</t>
    </rPh>
    <rPh sb="22" eb="24">
      <t>センタク</t>
    </rPh>
    <rPh sb="26" eb="28">
      <t>バアイ</t>
    </rPh>
    <rPh sb="28" eb="30">
      <t>キニュウ</t>
    </rPh>
    <rPh sb="32" eb="34">
      <t>ガイトウ</t>
    </rPh>
    <rPh sb="38" eb="39">
      <t>カ</t>
    </rPh>
    <rPh sb="44" eb="46">
      <t>バアイ</t>
    </rPh>
    <rPh sb="48" eb="50">
      <t>トッキ</t>
    </rPh>
    <rPh sb="50" eb="52">
      <t>ジコウ</t>
    </rPh>
    <rPh sb="54" eb="56">
      <t>キニュウ</t>
    </rPh>
    <phoneticPr fontId="1"/>
  </si>
  <si>
    <r>
      <rPr>
        <b/>
        <u/>
        <sz val="14"/>
        <color rgb="FFFF0000"/>
        <rFont val="游ゴシック"/>
        <family val="3"/>
        <charset val="128"/>
        <scheme val="minor"/>
      </rPr>
      <t>・20で〇を選択した場合記入</t>
    </r>
    <r>
      <rPr>
        <b/>
        <sz val="14"/>
        <color rgb="FFFF0000"/>
        <rFont val="游ゴシック"/>
        <family val="3"/>
        <charset val="128"/>
        <scheme val="minor"/>
      </rPr>
      <t xml:space="preserve">
・該当に✓（複数選択可）
・その他を選択した場合、詳細を
（　　）内に記入</t>
    </r>
    <phoneticPr fontId="1"/>
  </si>
  <si>
    <r>
      <t xml:space="preserve">16で〇を選択した場合のみ記入
</t>
    </r>
    <r>
      <rPr>
        <b/>
        <sz val="14"/>
        <color rgb="FFFF0000"/>
        <rFont val="游ゴシック"/>
        <family val="3"/>
        <charset val="128"/>
        <scheme val="minor"/>
      </rPr>
      <t>・外国人患者対応の専門部署における対応言語、対応可能時間をご記入ください。</t>
    </r>
    <rPh sb="5" eb="7">
      <t>センタク</t>
    </rPh>
    <rPh sb="9" eb="11">
      <t>バアイ</t>
    </rPh>
    <rPh sb="13" eb="15">
      <t>キニュウ</t>
    </rPh>
    <rPh sb="33" eb="35">
      <t>タイオウ</t>
    </rPh>
    <rPh sb="35" eb="37">
      <t>ゲンゴ</t>
    </rPh>
    <rPh sb="38" eb="40">
      <t>タイオウ</t>
    </rPh>
    <rPh sb="40" eb="42">
      <t>カノウ</t>
    </rPh>
    <rPh sb="42" eb="44">
      <t>ジカン</t>
    </rPh>
    <rPh sb="46" eb="48">
      <t>キニュウ</t>
    </rPh>
    <phoneticPr fontId="1"/>
  </si>
  <si>
    <r>
      <t xml:space="preserve">・20で〇を選択した場合記入
</t>
    </r>
    <r>
      <rPr>
        <b/>
        <sz val="14"/>
        <color rgb="FFFF0000"/>
        <rFont val="游ゴシック"/>
        <family val="3"/>
        <charset val="128"/>
        <scheme val="minor"/>
      </rPr>
      <t>・医療通訳者（医療通訳が可能な職員）の対応言語、対応可能時間をご記入ください。</t>
    </r>
    <r>
      <rPr>
        <b/>
        <u/>
        <sz val="14"/>
        <color rgb="FFFF0000"/>
        <rFont val="游ゴシック"/>
        <family val="3"/>
        <charset val="128"/>
        <scheme val="minor"/>
      </rPr>
      <t xml:space="preserve">
</t>
    </r>
    <r>
      <rPr>
        <b/>
        <sz val="14"/>
        <color rgb="FFFF0000"/>
        <rFont val="游ゴシック"/>
        <family val="3"/>
        <charset val="128"/>
        <scheme val="minor"/>
      </rPr>
      <t>※ＭＩＣかながわの通訳派遣を利用されている場合は、「●コピペ用」シートにある情報をそのまま貼りつけて下さい。</t>
    </r>
    <rPh sb="34" eb="36">
      <t>タイオウ</t>
    </rPh>
    <rPh sb="36" eb="38">
      <t>ゲンゴ</t>
    </rPh>
    <rPh sb="39" eb="41">
      <t>タイオウ</t>
    </rPh>
    <rPh sb="41" eb="43">
      <t>カノウ</t>
    </rPh>
    <rPh sb="43" eb="45">
      <t>ジカン</t>
    </rPh>
    <rPh sb="47" eb="49">
      <t>キニュウ</t>
    </rPh>
    <phoneticPr fontId="1"/>
  </si>
  <si>
    <t>応言語/対応可能時間</t>
    <rPh sb="0" eb="1">
      <t>オウ</t>
    </rPh>
    <rPh sb="1" eb="3">
      <t>ゲンゴ</t>
    </rPh>
    <rPh sb="4" eb="6">
      <t>タイオウ</t>
    </rPh>
    <rPh sb="6" eb="8">
      <t>カノウ</t>
    </rPh>
    <rPh sb="8" eb="10">
      <t>ジカン</t>
    </rPh>
    <phoneticPr fontId="1"/>
  </si>
  <si>
    <t>【対応言語】
【対応時間】</t>
    <phoneticPr fontId="1"/>
  </si>
  <si>
    <r>
      <rPr>
        <b/>
        <u/>
        <sz val="14"/>
        <color rgb="FFFF0000"/>
        <rFont val="游ゴシック"/>
        <family val="3"/>
        <charset val="128"/>
        <scheme val="minor"/>
      </rPr>
      <t>・24で〇を選択した場合記入。</t>
    </r>
    <r>
      <rPr>
        <b/>
        <sz val="14"/>
        <color rgb="FFFF0000"/>
        <rFont val="游ゴシック"/>
        <family val="3"/>
        <charset val="128"/>
        <scheme val="minor"/>
      </rPr>
      <t xml:space="preserve">
・遠隔通訳（ビデオ通訳、電話通訳等）の対応言語、対応可能時間をご記入ください。
※横浜市電話医療通訳サービスを利用されている場合は、「●コピペ用」のシートにある情報をそのまま貼りつけてください。</t>
    </r>
    <rPh sb="35" eb="37">
      <t>タイオウ</t>
    </rPh>
    <rPh sb="37" eb="39">
      <t>ゲンゴ</t>
    </rPh>
    <rPh sb="40" eb="42">
      <t>タイオウ</t>
    </rPh>
    <rPh sb="42" eb="44">
      <t>カノウ</t>
    </rPh>
    <rPh sb="44" eb="46">
      <t>ジカン</t>
    </rPh>
    <rPh sb="48" eb="50">
      <t>キニュウ</t>
    </rPh>
    <phoneticPr fontId="1"/>
  </si>
  <si>
    <r>
      <rPr>
        <b/>
        <u/>
        <sz val="14"/>
        <color rgb="FFFF0000"/>
        <rFont val="游ゴシック"/>
        <family val="3"/>
        <charset val="128"/>
        <scheme val="minor"/>
      </rPr>
      <t>・24で〇を選択した場合記入</t>
    </r>
    <r>
      <rPr>
        <b/>
        <sz val="14"/>
        <color rgb="FFFF0000"/>
        <rFont val="游ゴシック"/>
        <family val="3"/>
        <charset val="128"/>
        <scheme val="minor"/>
      </rPr>
      <t xml:space="preserve">
・該当に✓（複数選択可）
・その他を選択した場合、詳細を
（　　）内に記入</t>
    </r>
    <phoneticPr fontId="1"/>
  </si>
  <si>
    <r>
      <t xml:space="preserve">24で〇を選択した場合記入。
</t>
    </r>
    <r>
      <rPr>
        <b/>
        <sz val="14"/>
        <color rgb="FFFF0000"/>
        <rFont val="游ゴシック"/>
        <family val="3"/>
        <charset val="128"/>
        <scheme val="minor"/>
      </rPr>
      <t>その他の言語サポート（機械通訳等）の対応言語、対応可能時間をご記入ください。</t>
    </r>
    <rPh sb="33" eb="35">
      <t>タイオウ</t>
    </rPh>
    <rPh sb="35" eb="37">
      <t>ゲンゴ</t>
    </rPh>
    <rPh sb="38" eb="40">
      <t>タイオウ</t>
    </rPh>
    <rPh sb="40" eb="42">
      <t>カノウ</t>
    </rPh>
    <rPh sb="42" eb="44">
      <t>ジカン</t>
    </rPh>
    <rPh sb="46" eb="48">
      <t>キニュウ</t>
    </rPh>
    <phoneticPr fontId="1"/>
  </si>
  <si>
    <t>遠隔通訳（ビデオ通訳、電話通訳等）の有無</t>
    <rPh sb="0" eb="2">
      <t>エンカク</t>
    </rPh>
    <rPh sb="2" eb="4">
      <t>ツウヤク</t>
    </rPh>
    <rPh sb="8" eb="10">
      <t>ツウヤク</t>
    </rPh>
    <rPh sb="11" eb="13">
      <t>デンワ</t>
    </rPh>
    <rPh sb="13" eb="15">
      <t>ツウヤク</t>
    </rPh>
    <rPh sb="15" eb="16">
      <t>トウ</t>
    </rPh>
    <rPh sb="18" eb="20">
      <t>ウム</t>
    </rPh>
    <phoneticPr fontId="1"/>
  </si>
  <si>
    <t>「通訳スタッフ（派遣）」を選択の場合、別途通訳費用の要・不要</t>
    <phoneticPr fontId="1"/>
  </si>
  <si>
    <t>２４時間３６５日対応可否</t>
    <phoneticPr fontId="2"/>
  </si>
  <si>
    <t xml:space="preserve">【対応言語】
EN
【対応時間】
月曜 9:30-17:00 </t>
    <rPh sb="1" eb="3">
      <t>タイオウ</t>
    </rPh>
    <rPh sb="3" eb="5">
      <t>ゲンゴ</t>
    </rPh>
    <rPh sb="11" eb="13">
      <t>タイオウ</t>
    </rPh>
    <rPh sb="13" eb="15">
      <t>ジカン</t>
    </rPh>
    <rPh sb="17" eb="19">
      <t>ゲツヨウ</t>
    </rPh>
    <phoneticPr fontId="1"/>
  </si>
  <si>
    <t>□簡単な診療であれば対応できるが、通訳同伴が望ましい。
☐通訳の同伴がなくても対応可能</t>
    <phoneticPr fontId="1"/>
  </si>
  <si>
    <t>☑簡単な診療であれば対応できるが、通訳同伴が望ましい。</t>
    <phoneticPr fontId="1"/>
  </si>
  <si>
    <t>☑　医師
☐看護師
☐受付スタッフ
☑通訳スタッフ（派遣）
☐その他
　（　　　　　　　）</t>
    <rPh sb="2" eb="4">
      <t>イシ</t>
    </rPh>
    <rPh sb="6" eb="9">
      <t>カンゴシ</t>
    </rPh>
    <rPh sb="11" eb="13">
      <t>ウケツケ</t>
    </rPh>
    <rPh sb="19" eb="21">
      <t>ツウヤク</t>
    </rPh>
    <rPh sb="26" eb="28">
      <t>ハケン</t>
    </rPh>
    <phoneticPr fontId="1"/>
  </si>
  <si>
    <t>要</t>
    <rPh sb="0" eb="1">
      <t>ヨウ</t>
    </rPh>
    <phoneticPr fontId="1"/>
  </si>
  <si>
    <r>
      <rPr>
        <sz val="16"/>
        <color theme="1"/>
        <rFont val="ＭＳ Ｐゴシック"/>
        <family val="3"/>
        <charset val="128"/>
      </rPr>
      <t>【対応診療科】
救急科</t>
    </r>
    <r>
      <rPr>
        <sz val="16"/>
        <color theme="1"/>
        <rFont val="Arial"/>
        <family val="2"/>
      </rPr>
      <t>/</t>
    </r>
    <r>
      <rPr>
        <sz val="16"/>
        <color theme="1"/>
        <rFont val="ＭＳ Ｐゴシック"/>
        <family val="3"/>
        <charset val="128"/>
      </rPr>
      <t>内科</t>
    </r>
    <r>
      <rPr>
        <sz val="16"/>
        <color theme="1"/>
        <rFont val="Arial"/>
        <family val="2"/>
      </rPr>
      <t>/</t>
    </r>
    <r>
      <rPr>
        <sz val="16"/>
        <color theme="1"/>
        <rFont val="ＭＳ Ｐゴシック"/>
        <family val="3"/>
        <charset val="128"/>
      </rPr>
      <t>外科</t>
    </r>
    <r>
      <rPr>
        <sz val="16"/>
        <color theme="1"/>
        <rFont val="Arial"/>
        <family val="2"/>
      </rPr>
      <t>/</t>
    </r>
    <r>
      <rPr>
        <sz val="16"/>
        <color theme="1"/>
        <rFont val="ＭＳ Ｐゴシック"/>
        <family val="3"/>
        <charset val="128"/>
      </rPr>
      <t>小児科</t>
    </r>
    <r>
      <rPr>
        <sz val="16"/>
        <color theme="1"/>
        <rFont val="Arial"/>
        <family val="2"/>
      </rPr>
      <t>/</t>
    </r>
    <r>
      <rPr>
        <sz val="16"/>
        <color theme="1"/>
        <rFont val="ＭＳ Ｐゴシック"/>
        <family val="3"/>
        <charset val="128"/>
      </rPr>
      <t xml:space="preserve">
【対応言語】
</t>
    </r>
    <r>
      <rPr>
        <sz val="16"/>
        <color theme="1"/>
        <rFont val="Arial"/>
        <family val="2"/>
      </rPr>
      <t>ZH/KO/TL/PT/ES/EN/TH/VI/LO/RU/FR/NE/</t>
    </r>
    <r>
      <rPr>
        <sz val="16"/>
        <color theme="1"/>
        <rFont val="ＭＳ Ｐゴシック"/>
        <family val="3"/>
        <charset val="128"/>
      </rPr>
      <t>カンボジア語</t>
    </r>
    <r>
      <rPr>
        <sz val="16"/>
        <color theme="1"/>
        <rFont val="Arial"/>
        <family val="2"/>
      </rPr>
      <t>/ID/TL/MS/IT/DE</t>
    </r>
    <rPh sb="1" eb="3">
      <t>タイオウ</t>
    </rPh>
    <rPh sb="3" eb="6">
      <t>シンリョウカ</t>
    </rPh>
    <rPh sb="24" eb="26">
      <t>タイオウ</t>
    </rPh>
    <rPh sb="26" eb="28">
      <t>ゲンゴ</t>
    </rPh>
    <phoneticPr fontId="6"/>
  </si>
  <si>
    <t>☑電話通訳
☐ビデオ通訳
☐その他
　（　　　　　　　）</t>
    <phoneticPr fontId="1"/>
  </si>
  <si>
    <t>≪横浜市電話医療通訳サービス≫
【対応言語】
EN/ZH/KO/PT/ES/TH/VI/ID/TL/NE/MS/FR/IT/DE/RU
【対応時間】
２４時間</t>
    <rPh sb="1" eb="4">
      <t>ヨコハマシ</t>
    </rPh>
    <rPh sb="4" eb="6">
      <t>デンワ</t>
    </rPh>
    <rPh sb="6" eb="8">
      <t>イリョウ</t>
    </rPh>
    <rPh sb="8" eb="10">
      <t>ツウヤク</t>
    </rPh>
    <phoneticPr fontId="1"/>
  </si>
  <si>
    <t>≪ＭＩＣかながわ医療通訳派遣サービス≫
【対応言語】
ZH/KO/TL/PT/ES/EN/TH/VI/LO/RU/FR/NE/カンボジア語
【対応時間】
原則　平日の８：３０-１７：００</t>
    <rPh sb="8" eb="10">
      <t>イリョウ</t>
    </rPh>
    <rPh sb="10" eb="12">
      <t>ツウヤク</t>
    </rPh>
    <rPh sb="12" eb="14">
      <t>ハケン</t>
    </rPh>
    <phoneticPr fontId="1"/>
  </si>
  <si>
    <t>ＭＩＣかながわ医療通訳派遣サービス</t>
    <rPh sb="7" eb="9">
      <t>イリョウ</t>
    </rPh>
    <rPh sb="9" eb="11">
      <t>ツウヤク</t>
    </rPh>
    <rPh sb="11" eb="13">
      <t>ハケン</t>
    </rPh>
    <phoneticPr fontId="1"/>
  </si>
  <si>
    <t>≪横浜市電話医療通訳サービス≫
【対応言語】
EN/ZH/KO/PT/ES/TH/VI/ID/TL/NE/MS/FR/IT/DE/RU
【対応時間】
２４時間</t>
    <phoneticPr fontId="1"/>
  </si>
  <si>
    <t>≪ＭＩＣかながわ医療通訳派遣サービス≫【対応言語】
ZH/KO/TL/PT/ES/EN/TH/VI/LO/RU/FR/NE/カンボジア語
【対応時間】
平日　9：00-17：00</t>
    <rPh sb="20" eb="22">
      <t>タイオウ</t>
    </rPh>
    <rPh sb="22" eb="24">
      <t>ゲンゴ</t>
    </rPh>
    <rPh sb="70" eb="72">
      <t>タイオウ</t>
    </rPh>
    <rPh sb="72" eb="74">
      <t>ジカン</t>
    </rPh>
    <rPh sb="76" eb="78">
      <t>ヘイジツ</t>
    </rPh>
    <phoneticPr fontId="1"/>
  </si>
  <si>
    <t>×</t>
    <phoneticPr fontId="1"/>
  </si>
  <si>
    <t>≪医療通訳サービスを利用する場合≫
・２日前までに予約必要
・１時間あたり1,000円程度</t>
    <rPh sb="1" eb="3">
      <t>イリョウ</t>
    </rPh>
    <rPh sb="3" eb="5">
      <t>ツウヤク</t>
    </rPh>
    <rPh sb="10" eb="12">
      <t>リヨウ</t>
    </rPh>
    <rPh sb="14" eb="16">
      <t>バアイ</t>
    </rPh>
    <rPh sb="20" eb="21">
      <t>ニチ</t>
    </rPh>
    <rPh sb="21" eb="22">
      <t>マエ</t>
    </rPh>
    <rPh sb="25" eb="27">
      <t>ヨヤク</t>
    </rPh>
    <rPh sb="27" eb="29">
      <t>ヒツヨウ</t>
    </rPh>
    <rPh sb="32" eb="34">
      <t>ジカン</t>
    </rPh>
    <rPh sb="42" eb="43">
      <t>エン</t>
    </rPh>
    <rPh sb="43" eb="45">
      <t>テイド</t>
    </rPh>
    <phoneticPr fontId="1"/>
  </si>
  <si>
    <t>別添「開設者」一覧表のシートから転記</t>
    <phoneticPr fontId="1"/>
  </si>
  <si>
    <r>
      <rPr>
        <b/>
        <u/>
        <sz val="14"/>
        <color rgb="FFFF0000"/>
        <rFont val="游ゴシック"/>
        <family val="3"/>
        <charset val="128"/>
        <scheme val="minor"/>
      </rPr>
      <t>〇または×で回答</t>
    </r>
    <r>
      <rPr>
        <b/>
        <sz val="14"/>
        <color rgb="FFFF0000"/>
        <rFont val="游ゴシック"/>
        <family val="3"/>
        <charset val="128"/>
        <scheme val="minor"/>
      </rPr>
      <t xml:space="preserve">
〇（可）
×（否）</t>
    </r>
    <rPh sb="6" eb="8">
      <t>カイトウ</t>
    </rPh>
    <phoneticPr fontId="1"/>
  </si>
  <si>
    <r>
      <t>（注意）
◎上記「選出意向区分」の１、２のいずれかにマルをしてください。また、</t>
    </r>
    <r>
      <rPr>
        <b/>
        <u/>
        <sz val="24"/>
        <color rgb="FFFF0000"/>
        <rFont val="メイリオ"/>
        <family val="3"/>
        <charset val="128"/>
      </rPr>
      <t>別添回答票（エクセル形式）へもご記入をお願いします。</t>
    </r>
    <rPh sb="1" eb="3">
      <t>チュウイ</t>
    </rPh>
    <rPh sb="6" eb="8">
      <t>ジョウキ</t>
    </rPh>
    <rPh sb="9" eb="11">
      <t>センシュツ</t>
    </rPh>
    <rPh sb="11" eb="13">
      <t>イコウ</t>
    </rPh>
    <rPh sb="13" eb="15">
      <t>クブン</t>
    </rPh>
    <rPh sb="39" eb="41">
      <t>ベッテン</t>
    </rPh>
    <rPh sb="41" eb="43">
      <t>カイトウ</t>
    </rPh>
    <rPh sb="43" eb="44">
      <t>ヒョウ</t>
    </rPh>
    <rPh sb="49" eb="51">
      <t>ケイシキ</t>
    </rPh>
    <rPh sb="55" eb="57">
      <t>キニュウ</t>
    </rPh>
    <rPh sb="59" eb="60">
      <t>ネガ</t>
    </rPh>
    <phoneticPr fontId="1"/>
  </si>
  <si>
    <t>医療通訳者（医療通訳が可能な職員）が
いる場合→〇
いない場合→×</t>
    <rPh sb="0" eb="2">
      <t>イリョウ</t>
    </rPh>
    <rPh sb="2" eb="4">
      <t>ツウヤク</t>
    </rPh>
    <rPh sb="4" eb="5">
      <t>シャ</t>
    </rPh>
    <rPh sb="6" eb="8">
      <t>イリョウ</t>
    </rPh>
    <rPh sb="8" eb="10">
      <t>ツウヤク</t>
    </rPh>
    <rPh sb="11" eb="13">
      <t>カノウ</t>
    </rPh>
    <rPh sb="14" eb="16">
      <t>ショクイン</t>
    </rPh>
    <rPh sb="21" eb="23">
      <t>バアイ</t>
    </rPh>
    <rPh sb="29" eb="31">
      <t>バアイ</t>
    </rPh>
    <phoneticPr fontId="1"/>
  </si>
  <si>
    <r>
      <t xml:space="preserve">18で〇を選択した場合のみ記入
</t>
    </r>
    <r>
      <rPr>
        <b/>
        <sz val="14"/>
        <color rgb="FFFF0000"/>
        <rFont val="游ゴシック"/>
        <family val="3"/>
        <charset val="128"/>
        <scheme val="minor"/>
      </rPr>
      <t>・ 外国人向け医療コーディネーターの対応言語、対応可能時間をご記入ください。</t>
    </r>
    <phoneticPr fontId="1"/>
  </si>
  <si>
    <t>外国人向け医療コーディネーターが
いる場合→〇
いない場合→×</t>
    <rPh sb="0" eb="2">
      <t>ガイコク</t>
    </rPh>
    <rPh sb="2" eb="3">
      <t>ジン</t>
    </rPh>
    <rPh sb="3" eb="4">
      <t>ム</t>
    </rPh>
    <rPh sb="5" eb="7">
      <t>イリョウ</t>
    </rPh>
    <rPh sb="19" eb="21">
      <t>バアイ</t>
    </rPh>
    <rPh sb="27" eb="29">
      <t>バアイ</t>
    </rPh>
    <phoneticPr fontId="1"/>
  </si>
  <si>
    <t>外国人患者対応の専門部署が
ある場合→〇
ない場合→×</t>
    <rPh sb="0" eb="2">
      <t>ガイコク</t>
    </rPh>
    <rPh sb="2" eb="3">
      <t>ジン</t>
    </rPh>
    <rPh sb="3" eb="5">
      <t>カンジャ</t>
    </rPh>
    <rPh sb="5" eb="7">
      <t>タイオウ</t>
    </rPh>
    <rPh sb="8" eb="10">
      <t>センモン</t>
    </rPh>
    <rPh sb="10" eb="12">
      <t>ブショ</t>
    </rPh>
    <rPh sb="16" eb="18">
      <t>バアイ</t>
    </rPh>
    <rPh sb="23" eb="25">
      <t>バアイ</t>
    </rPh>
    <phoneticPr fontId="1"/>
  </si>
  <si>
    <r>
      <t>遠隔通訳（ビデオ通訳、電話通訳等）の利用が
ある場合→〇
ない場合→×</t>
    </r>
    <r>
      <rPr>
        <b/>
        <u/>
        <sz val="14"/>
        <color rgb="FFFF0000"/>
        <rFont val="游ゴシック"/>
        <family val="3"/>
        <charset val="128"/>
        <scheme val="minor"/>
      </rPr>
      <t xml:space="preserve">
</t>
    </r>
    <rPh sb="0" eb="2">
      <t>エンカク</t>
    </rPh>
    <rPh sb="2" eb="4">
      <t>ツウヤク</t>
    </rPh>
    <rPh sb="8" eb="10">
      <t>ツウヤク</t>
    </rPh>
    <rPh sb="11" eb="13">
      <t>デンワ</t>
    </rPh>
    <rPh sb="13" eb="15">
      <t>ツウヤク</t>
    </rPh>
    <rPh sb="15" eb="16">
      <t>トウ</t>
    </rPh>
    <rPh sb="18" eb="20">
      <t>リヨウ</t>
    </rPh>
    <rPh sb="24" eb="26">
      <t>バアイ</t>
    </rPh>
    <rPh sb="31" eb="33">
      <t>バアイ</t>
    </rPh>
    <phoneticPr fontId="1"/>
  </si>
  <si>
    <r>
      <t>その他の言語サポート（機械通訳等）の利用が
ある場合→〇
ない場合→×</t>
    </r>
    <r>
      <rPr>
        <b/>
        <u/>
        <sz val="14"/>
        <color rgb="FFFF0000"/>
        <rFont val="游ゴシック"/>
        <family val="3"/>
        <charset val="128"/>
        <scheme val="minor"/>
      </rPr>
      <t xml:space="preserve">
</t>
    </r>
    <rPh sb="2" eb="3">
      <t>タ</t>
    </rPh>
    <rPh sb="4" eb="6">
      <t>ゲンゴ</t>
    </rPh>
    <rPh sb="11" eb="13">
      <t>キカイ</t>
    </rPh>
    <rPh sb="13" eb="15">
      <t>ツウヤク</t>
    </rPh>
    <rPh sb="15" eb="16">
      <t>トウ</t>
    </rPh>
    <rPh sb="18" eb="20">
      <t>リヨウ</t>
    </rPh>
    <rPh sb="24" eb="26">
      <t>バアイ</t>
    </rPh>
    <rPh sb="31" eb="33">
      <t>バアイ</t>
    </rPh>
    <phoneticPr fontId="1"/>
  </si>
  <si>
    <t>その他特記事項等ご記入ください
※通訳の予約が必要な場合、予約の締切期限（〇日前）や、電話番号、金額等をご記入くたさい。</t>
    <rPh sb="2" eb="3">
      <t>タ</t>
    </rPh>
    <rPh sb="3" eb="5">
      <t>トッキ</t>
    </rPh>
    <rPh sb="5" eb="7">
      <t>ジコウ</t>
    </rPh>
    <rPh sb="7" eb="8">
      <t>トウ</t>
    </rPh>
    <rPh sb="9" eb="11">
      <t>キニュウ</t>
    </rPh>
    <rPh sb="17" eb="19">
      <t>ツウヤク</t>
    </rPh>
    <rPh sb="20" eb="22">
      <t>ヨヤク</t>
    </rPh>
    <rPh sb="23" eb="25">
      <t>ヒツヨウ</t>
    </rPh>
    <rPh sb="26" eb="28">
      <t>バアイ</t>
    </rPh>
    <rPh sb="29" eb="31">
      <t>ヨヤク</t>
    </rPh>
    <rPh sb="32" eb="34">
      <t>シメキリ</t>
    </rPh>
    <rPh sb="34" eb="36">
      <t>キゲン</t>
    </rPh>
    <rPh sb="38" eb="39">
      <t>ニチ</t>
    </rPh>
    <rPh sb="39" eb="40">
      <t>マエ</t>
    </rPh>
    <rPh sb="43" eb="45">
      <t>デンワ</t>
    </rPh>
    <rPh sb="45" eb="47">
      <t>バンゴウ</t>
    </rPh>
    <rPh sb="48" eb="50">
      <t>キンガク</t>
    </rPh>
    <rPh sb="50" eb="51">
      <t>トウ</t>
    </rPh>
    <rPh sb="53" eb="55">
      <t>キニュウ</t>
    </rPh>
    <phoneticPr fontId="1"/>
  </si>
  <si>
    <r>
      <rPr>
        <sz val="16"/>
        <color theme="1"/>
        <rFont val="ＭＳ Ｐゴシック"/>
        <family val="3"/>
        <charset val="128"/>
      </rPr>
      <t>（月</t>
    </r>
    <r>
      <rPr>
        <sz val="16"/>
        <color theme="1"/>
        <rFont val="Arial"/>
        <family val="2"/>
      </rPr>
      <t>-</t>
    </r>
    <r>
      <rPr>
        <sz val="16"/>
        <color theme="1"/>
        <rFont val="ＭＳ Ｐゴシック"/>
        <family val="3"/>
        <charset val="128"/>
      </rPr>
      <t>金</t>
    </r>
    <r>
      <rPr>
        <sz val="16"/>
        <color theme="1"/>
        <rFont val="Arial"/>
        <family val="2"/>
      </rPr>
      <t>9:00-12:00</t>
    </r>
    <r>
      <rPr>
        <sz val="16"/>
        <color theme="1"/>
        <rFont val="ＭＳ Ｐゴシック"/>
        <family val="3"/>
        <charset val="128"/>
      </rPr>
      <t>、</t>
    </r>
    <r>
      <rPr>
        <sz val="16"/>
        <color theme="1"/>
        <rFont val="Arial"/>
        <family val="2"/>
      </rPr>
      <t xml:space="preserve">13:00-15:00
</t>
    </r>
    <r>
      <rPr>
        <sz val="16"/>
        <color theme="1"/>
        <rFont val="ＭＳ Ｐゴシック"/>
        <family val="3"/>
        <charset val="128"/>
      </rPr>
      <t>（救急外来</t>
    </r>
    <r>
      <rPr>
        <sz val="16"/>
        <color theme="1"/>
        <rFont val="Arial"/>
        <family val="2"/>
      </rPr>
      <t>24</t>
    </r>
    <r>
      <rPr>
        <sz val="16"/>
        <color theme="1"/>
        <rFont val="ＭＳ Ｐゴシック"/>
        <family val="3"/>
        <charset val="128"/>
      </rPr>
      <t>時間対応</t>
    </r>
    <r>
      <rPr>
        <sz val="16"/>
        <color theme="1"/>
        <rFont val="Arial"/>
        <family val="2"/>
      </rPr>
      <t xml:space="preserve">)
</t>
    </r>
    <r>
      <rPr>
        <sz val="16"/>
        <color theme="1"/>
        <rFont val="ＭＳ Ｐゴシック"/>
        <family val="3"/>
        <charset val="128"/>
      </rPr>
      <t>（土日・祝日）救急外来</t>
    </r>
    <r>
      <rPr>
        <sz val="16"/>
        <color theme="1"/>
        <rFont val="Arial"/>
        <family val="2"/>
      </rPr>
      <t>24</t>
    </r>
    <r>
      <rPr>
        <sz val="16"/>
        <color theme="1"/>
        <rFont val="ＭＳ Ｐゴシック"/>
        <family val="3"/>
        <charset val="128"/>
      </rPr>
      <t>時間対応</t>
    </r>
    <rPh sb="28" eb="30">
      <t>キュウキュウ</t>
    </rPh>
    <rPh sb="30" eb="32">
      <t>ガイライ</t>
    </rPh>
    <rPh sb="34" eb="36">
      <t>ジカン</t>
    </rPh>
    <rPh sb="36" eb="38">
      <t>タイオウ</t>
    </rPh>
    <rPh sb="42" eb="44">
      <t>ドニチ</t>
    </rPh>
    <rPh sb="45" eb="47">
      <t>シュクジツ</t>
    </rPh>
    <phoneticPr fontId="6"/>
  </si>
  <si>
    <r>
      <t>回答票　　</t>
    </r>
    <r>
      <rPr>
        <b/>
        <sz val="24"/>
        <color theme="1"/>
        <rFont val="游ゴシック"/>
        <family val="3"/>
        <charset val="128"/>
        <scheme val="minor"/>
      </rPr>
      <t>※貴医療機関の基本情報、外国人患者を受け入れる診療体制等を記入してください。（設問は２９（AJ列）まであります）</t>
    </r>
    <rPh sb="0" eb="2">
      <t>カイトウ</t>
    </rPh>
    <rPh sb="2" eb="3">
      <t>ヒョウ</t>
    </rPh>
    <rPh sb="6" eb="7">
      <t>キ</t>
    </rPh>
    <rPh sb="7" eb="9">
      <t>イリョウ</t>
    </rPh>
    <rPh sb="9" eb="11">
      <t>キカン</t>
    </rPh>
    <rPh sb="12" eb="14">
      <t>キホン</t>
    </rPh>
    <rPh sb="14" eb="16">
      <t>ジョウホウ</t>
    </rPh>
    <rPh sb="17" eb="19">
      <t>ガイコク</t>
    </rPh>
    <rPh sb="19" eb="20">
      <t>ジン</t>
    </rPh>
    <rPh sb="20" eb="22">
      <t>カンジャ</t>
    </rPh>
    <rPh sb="23" eb="24">
      <t>ウ</t>
    </rPh>
    <rPh sb="25" eb="26">
      <t>イ</t>
    </rPh>
    <rPh sb="28" eb="30">
      <t>シンリョウ</t>
    </rPh>
    <rPh sb="30" eb="32">
      <t>タイセイ</t>
    </rPh>
    <rPh sb="32" eb="33">
      <t>トウ</t>
    </rPh>
    <rPh sb="34" eb="36">
      <t>キニュウ</t>
    </rPh>
    <rPh sb="44" eb="46">
      <t>セツモン</t>
    </rPh>
    <rPh sb="52" eb="53">
      <t>レツ</t>
    </rPh>
    <phoneticPr fontId="1"/>
  </si>
  <si>
    <r>
      <t>医療機関名</t>
    </r>
    <r>
      <rPr>
        <b/>
        <sz val="20"/>
        <color rgb="FFFF0000"/>
        <rFont val="メイリオ"/>
        <family val="3"/>
        <charset val="128"/>
      </rPr>
      <t>(英語)</t>
    </r>
    <rPh sb="4" eb="5">
      <t>メイ</t>
    </rPh>
    <rPh sb="6" eb="8">
      <t>エイゴ</t>
    </rPh>
    <phoneticPr fontId="2"/>
  </si>
  <si>
    <r>
      <t>住所</t>
    </r>
    <r>
      <rPr>
        <b/>
        <sz val="20"/>
        <color rgb="FFFF0000"/>
        <rFont val="メイリオ"/>
        <family val="3"/>
        <charset val="128"/>
      </rPr>
      <t>(英語)</t>
    </r>
    <rPh sb="3" eb="5">
      <t>エイゴ</t>
    </rPh>
    <phoneticPr fontId="2"/>
  </si>
  <si>
    <t>ouhuku-chiikiiryou@pref.kanagawa.lg.jp</t>
    <phoneticPr fontId="1"/>
  </si>
  <si>
    <t>「外国人患者を受け入れる拠点的な医療機関」選出意向区分票</t>
    <rPh sb="1" eb="3">
      <t>ガイコク</t>
    </rPh>
    <rPh sb="3" eb="4">
      <t>ジン</t>
    </rPh>
    <rPh sb="4" eb="6">
      <t>カンジャ</t>
    </rPh>
    <rPh sb="7" eb="8">
      <t>ウ</t>
    </rPh>
    <rPh sb="9" eb="10">
      <t>イ</t>
    </rPh>
    <rPh sb="12" eb="14">
      <t>キョテン</t>
    </rPh>
    <rPh sb="14" eb="15">
      <t>テキ</t>
    </rPh>
    <rPh sb="16" eb="18">
      <t>イリョウ</t>
    </rPh>
    <rPh sb="18" eb="20">
      <t>キカン</t>
    </rPh>
    <rPh sb="21" eb="23">
      <t>センシュツ</t>
    </rPh>
    <rPh sb="23" eb="25">
      <t>イコウ</t>
    </rPh>
    <rPh sb="25" eb="27">
      <t>クブン</t>
    </rPh>
    <rPh sb="27" eb="28">
      <t>ヒョウ</t>
    </rPh>
    <phoneticPr fontId="1"/>
  </si>
  <si>
    <t>当院は、次の選出区分にて、外国人患者を受け入れる拠点医療機関に申請（手上げ）します。</t>
    <rPh sb="0" eb="2">
      <t>トウイン</t>
    </rPh>
    <rPh sb="4" eb="5">
      <t>ツギ</t>
    </rPh>
    <rPh sb="6" eb="8">
      <t>センシュツ</t>
    </rPh>
    <rPh sb="8" eb="10">
      <t>クブン</t>
    </rPh>
    <rPh sb="13" eb="15">
      <t>ガイコク</t>
    </rPh>
    <rPh sb="15" eb="16">
      <t>ジン</t>
    </rPh>
    <rPh sb="16" eb="18">
      <t>カンジャ</t>
    </rPh>
    <rPh sb="19" eb="20">
      <t>ウ</t>
    </rPh>
    <rPh sb="21" eb="22">
      <t>イ</t>
    </rPh>
    <rPh sb="24" eb="26">
      <t>キョテン</t>
    </rPh>
    <rPh sb="26" eb="28">
      <t>イリョウ</t>
    </rPh>
    <rPh sb="28" eb="30">
      <t>キカン</t>
    </rPh>
    <rPh sb="31" eb="33">
      <t>シンセイ</t>
    </rPh>
    <rPh sb="34" eb="35">
      <t>テ</t>
    </rPh>
    <rPh sb="35" eb="36">
      <t>ア</t>
    </rPh>
    <phoneticPr fontId="1"/>
  </si>
  <si>
    <r>
      <t xml:space="preserve">・保険医療機関であること
・二次以上の救急医療機関※に該当していること
</t>
    </r>
    <r>
      <rPr>
        <sz val="18"/>
        <rFont val="メイリオ"/>
        <family val="3"/>
        <charset val="128"/>
      </rPr>
      <t>※救命救急センター、地域医療支援病院、救急病院・救急診療所、病院群輪番制参加病院</t>
    </r>
    <rPh sb="1" eb="3">
      <t>ホケン</t>
    </rPh>
    <rPh sb="3" eb="5">
      <t>イリョウ</t>
    </rPh>
    <rPh sb="5" eb="7">
      <t>キカン</t>
    </rPh>
    <rPh sb="14" eb="16">
      <t>ニジ</t>
    </rPh>
    <rPh sb="16" eb="18">
      <t>イジョウ</t>
    </rPh>
    <rPh sb="19" eb="21">
      <t>キュウキュウ</t>
    </rPh>
    <rPh sb="21" eb="23">
      <t>イリョウ</t>
    </rPh>
    <rPh sb="23" eb="25">
      <t>キカン</t>
    </rPh>
    <rPh sb="27" eb="29">
      <t>ガイトウ</t>
    </rPh>
    <rPh sb="37" eb="39">
      <t>キュウメイ</t>
    </rPh>
    <rPh sb="39" eb="41">
      <t>キュウキュウ</t>
    </rPh>
    <rPh sb="46" eb="48">
      <t>チイキ</t>
    </rPh>
    <rPh sb="48" eb="50">
      <t>イリョウ</t>
    </rPh>
    <rPh sb="50" eb="52">
      <t>シエン</t>
    </rPh>
    <rPh sb="52" eb="54">
      <t>ビョウイン</t>
    </rPh>
    <rPh sb="55" eb="57">
      <t>キュウキュウ</t>
    </rPh>
    <rPh sb="57" eb="59">
      <t>ビョウイン</t>
    </rPh>
    <rPh sb="60" eb="62">
      <t>キュウキュウ</t>
    </rPh>
    <rPh sb="62" eb="64">
      <t>シンリョウ</t>
    </rPh>
    <rPh sb="64" eb="65">
      <t>ジョ</t>
    </rPh>
    <rPh sb="66" eb="68">
      <t>ビョウイン</t>
    </rPh>
    <rPh sb="68" eb="69">
      <t>グン</t>
    </rPh>
    <rPh sb="69" eb="71">
      <t>リンバン</t>
    </rPh>
    <rPh sb="71" eb="72">
      <t>セイ</t>
    </rPh>
    <rPh sb="72" eb="74">
      <t>サンカ</t>
    </rPh>
    <rPh sb="74" eb="76">
      <t>ビョウイン</t>
    </rPh>
    <phoneticPr fontId="1"/>
  </si>
  <si>
    <t>（区分２）
外国人患者を受け入れ可能な医療機関※
※病院、一般診療所、歯科診療所</t>
    <rPh sb="1" eb="3">
      <t>クブン</t>
    </rPh>
    <rPh sb="6" eb="8">
      <t>ガイコク</t>
    </rPh>
    <rPh sb="8" eb="9">
      <t>ジン</t>
    </rPh>
    <rPh sb="9" eb="11">
      <t>カンジャ</t>
    </rPh>
    <rPh sb="12" eb="13">
      <t>ウ</t>
    </rPh>
    <rPh sb="14" eb="15">
      <t>イ</t>
    </rPh>
    <rPh sb="16" eb="18">
      <t>カノウ</t>
    </rPh>
    <rPh sb="19" eb="21">
      <t>イリョウ</t>
    </rPh>
    <rPh sb="21" eb="23">
      <t>キカン</t>
    </rPh>
    <rPh sb="26" eb="28">
      <t>ビョウイン</t>
    </rPh>
    <rPh sb="29" eb="31">
      <t>イッパン</t>
    </rPh>
    <rPh sb="31" eb="33">
      <t>シンリョウ</t>
    </rPh>
    <rPh sb="33" eb="34">
      <t>ジョ</t>
    </rPh>
    <rPh sb="35" eb="37">
      <t>シカ</t>
    </rPh>
    <rPh sb="37" eb="39">
      <t>シンリョウ</t>
    </rPh>
    <rPh sb="39" eb="40">
      <t>ジョ</t>
    </rPh>
    <phoneticPr fontId="1"/>
  </si>
  <si>
    <t>メールタイトルは「(回答）外国人患者受入れ拠点医療機関の選出申請について」としてください。</t>
    <rPh sb="10" eb="12">
      <t>カイトウ</t>
    </rPh>
    <rPh sb="13" eb="15">
      <t>ガイコク</t>
    </rPh>
    <rPh sb="15" eb="16">
      <t>ジン</t>
    </rPh>
    <rPh sb="16" eb="18">
      <t>カンジャ</t>
    </rPh>
    <rPh sb="18" eb="19">
      <t>ウ</t>
    </rPh>
    <rPh sb="19" eb="20">
      <t>イ</t>
    </rPh>
    <rPh sb="21" eb="23">
      <t>キョテン</t>
    </rPh>
    <rPh sb="23" eb="25">
      <t>イリョウ</t>
    </rPh>
    <rPh sb="25" eb="27">
      <t>キカン</t>
    </rPh>
    <rPh sb="28" eb="30">
      <t>センシュツ</t>
    </rPh>
    <rPh sb="30" eb="32">
      <t>シンセ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5" x14ac:knownFonts="1">
    <font>
      <sz val="11"/>
      <color theme="1"/>
      <name val="游ゴシック"/>
      <family val="2"/>
      <charset val="128"/>
      <scheme val="minor"/>
    </font>
    <font>
      <sz val="6"/>
      <name val="游ゴシック"/>
      <family val="2"/>
      <charset val="128"/>
      <scheme val="minor"/>
    </font>
    <font>
      <sz val="6"/>
      <name val="ＭＳ Ｐゴシック"/>
      <family val="3"/>
      <charset val="128"/>
    </font>
    <font>
      <sz val="11"/>
      <color theme="1"/>
      <name val="メイリオ"/>
      <family val="3"/>
      <charset val="128"/>
    </font>
    <font>
      <sz val="11"/>
      <name val="ＭＳ Ｐゴシック"/>
      <family val="3"/>
      <charset val="128"/>
    </font>
    <font>
      <sz val="12"/>
      <color theme="1"/>
      <name val="ＭＳ ゴシック"/>
      <family val="3"/>
      <charset val="128"/>
    </font>
    <font>
      <b/>
      <sz val="11"/>
      <color theme="0"/>
      <name val="游ゴシック"/>
      <family val="2"/>
      <charset val="128"/>
      <scheme val="minor"/>
    </font>
    <font>
      <sz val="12"/>
      <color theme="1"/>
      <name val="メイリオ"/>
      <family val="3"/>
      <charset val="128"/>
    </font>
    <font>
      <sz val="14"/>
      <color theme="1"/>
      <name val="游ゴシック"/>
      <family val="2"/>
      <charset val="128"/>
      <scheme val="minor"/>
    </font>
    <font>
      <b/>
      <sz val="16"/>
      <color theme="1"/>
      <name val="游ゴシック"/>
      <family val="3"/>
      <charset val="128"/>
      <scheme val="minor"/>
    </font>
    <font>
      <b/>
      <sz val="48"/>
      <color theme="1"/>
      <name val="游ゴシック"/>
      <family val="3"/>
      <charset val="128"/>
      <scheme val="minor"/>
    </font>
    <font>
      <b/>
      <sz val="16"/>
      <color rgb="FFFF0000"/>
      <name val="游ゴシック"/>
      <family val="3"/>
      <charset val="128"/>
      <scheme val="minor"/>
    </font>
    <font>
      <b/>
      <sz val="18"/>
      <color rgb="FFFF0000"/>
      <name val="游ゴシック"/>
      <family val="3"/>
      <charset val="128"/>
      <scheme val="minor"/>
    </font>
    <font>
      <sz val="16"/>
      <color theme="1"/>
      <name val="游ゴシック"/>
      <family val="3"/>
      <charset val="128"/>
      <scheme val="minor"/>
    </font>
    <font>
      <sz val="14"/>
      <color theme="1"/>
      <name val="メイリオ"/>
      <family val="3"/>
      <charset val="128"/>
    </font>
    <font>
      <sz val="9"/>
      <color indexed="81"/>
      <name val="ＭＳ Ｐゴシック"/>
      <family val="3"/>
      <charset val="128"/>
    </font>
    <font>
      <b/>
      <sz val="9"/>
      <color indexed="81"/>
      <name val="ＭＳ Ｐゴシック"/>
      <family val="3"/>
      <charset val="128"/>
    </font>
    <font>
      <sz val="20"/>
      <color indexed="81"/>
      <name val="ＭＳ Ｐゴシック"/>
      <family val="3"/>
      <charset val="128"/>
    </font>
    <font>
      <sz val="30"/>
      <color theme="1"/>
      <name val="メイリオ"/>
      <family val="3"/>
      <charset val="128"/>
    </font>
    <font>
      <sz val="24"/>
      <color theme="1"/>
      <name val="メイリオ"/>
      <family val="3"/>
      <charset val="128"/>
    </font>
    <font>
      <sz val="16"/>
      <color theme="1"/>
      <name val="メイリオ"/>
      <family val="3"/>
      <charset val="128"/>
    </font>
    <font>
      <sz val="20"/>
      <color theme="1"/>
      <name val="メイリオ"/>
      <family val="3"/>
      <charset val="128"/>
    </font>
    <font>
      <sz val="18"/>
      <color theme="1"/>
      <name val="メイリオ"/>
      <family val="3"/>
      <charset val="128"/>
    </font>
    <font>
      <sz val="22"/>
      <color theme="1"/>
      <name val="メイリオ"/>
      <family val="3"/>
      <charset val="128"/>
    </font>
    <font>
      <sz val="6"/>
      <name val="ＭＳ 明朝"/>
      <family val="2"/>
      <charset val="128"/>
    </font>
    <font>
      <sz val="26"/>
      <color theme="1"/>
      <name val="メイリオ"/>
      <family val="3"/>
      <charset val="128"/>
    </font>
    <font>
      <b/>
      <sz val="20"/>
      <name val="メイリオ"/>
      <family val="3"/>
      <charset val="128"/>
    </font>
    <font>
      <sz val="16"/>
      <color theme="1"/>
      <name val="游ゴシック"/>
      <family val="2"/>
      <charset val="128"/>
      <scheme val="minor"/>
    </font>
    <font>
      <sz val="18"/>
      <name val="游ゴシック"/>
      <family val="3"/>
      <charset val="128"/>
      <scheme val="minor"/>
    </font>
    <font>
      <sz val="16"/>
      <color theme="1"/>
      <name val="游ゴシック"/>
      <family val="2"/>
      <charset val="128"/>
    </font>
    <font>
      <sz val="16"/>
      <color theme="1"/>
      <name val="ＭＳ Ｐゴシック"/>
      <family val="3"/>
      <charset val="128"/>
    </font>
    <font>
      <sz val="16"/>
      <color theme="1"/>
      <name val="Arial"/>
      <family val="2"/>
    </font>
    <font>
      <sz val="16"/>
      <color rgb="FF000000"/>
      <name val="ＭＳ Ｐゴシック"/>
      <family val="3"/>
      <charset val="128"/>
    </font>
    <font>
      <sz val="16"/>
      <color rgb="FF000000"/>
      <name val="Arial"/>
      <family val="2"/>
    </font>
    <font>
      <sz val="20"/>
      <color theme="1"/>
      <name val="游ゴシック"/>
      <family val="2"/>
      <charset val="128"/>
      <scheme val="minor"/>
    </font>
    <font>
      <sz val="20"/>
      <color theme="1"/>
      <name val="游ゴシック"/>
      <family val="3"/>
      <charset val="128"/>
      <scheme val="minor"/>
    </font>
    <font>
      <sz val="20"/>
      <color theme="1"/>
      <name val="游ゴシック"/>
      <family val="3"/>
      <charset val="128"/>
    </font>
    <font>
      <u/>
      <sz val="11"/>
      <color theme="10"/>
      <name val="游ゴシック"/>
      <family val="2"/>
      <charset val="128"/>
      <scheme val="minor"/>
    </font>
    <font>
      <b/>
      <sz val="26"/>
      <color rgb="FFFF0000"/>
      <name val="メイリオ"/>
      <family val="3"/>
      <charset val="128"/>
    </font>
    <font>
      <b/>
      <sz val="14"/>
      <color rgb="FFFF0000"/>
      <name val="メイリオ"/>
      <family val="3"/>
      <charset val="128"/>
    </font>
    <font>
      <b/>
      <sz val="14"/>
      <color theme="1"/>
      <name val="游ゴシック"/>
      <family val="3"/>
      <charset val="128"/>
      <scheme val="minor"/>
    </font>
    <font>
      <sz val="18"/>
      <color theme="1"/>
      <name val="游ゴシック"/>
      <family val="2"/>
      <charset val="128"/>
      <scheme val="minor"/>
    </font>
    <font>
      <b/>
      <sz val="14"/>
      <color rgb="FFFF0000"/>
      <name val="游ゴシック"/>
      <family val="3"/>
      <charset val="128"/>
      <scheme val="minor"/>
    </font>
    <font>
      <b/>
      <u/>
      <sz val="14"/>
      <color rgb="FFFF0000"/>
      <name val="游ゴシック"/>
      <family val="3"/>
      <charset val="128"/>
      <scheme val="minor"/>
    </font>
    <font>
      <b/>
      <sz val="28"/>
      <color theme="1"/>
      <name val="游ゴシック"/>
      <family val="3"/>
      <charset val="128"/>
      <scheme val="minor"/>
    </font>
    <font>
      <sz val="18"/>
      <color theme="1"/>
      <name val="游ゴシック"/>
      <family val="3"/>
      <charset val="128"/>
      <scheme val="minor"/>
    </font>
    <font>
      <b/>
      <sz val="24"/>
      <color theme="1"/>
      <name val="游ゴシック"/>
      <family val="3"/>
      <charset val="128"/>
      <scheme val="minor"/>
    </font>
    <font>
      <b/>
      <u/>
      <sz val="24"/>
      <color rgb="FFFF0000"/>
      <name val="メイリオ"/>
      <family val="3"/>
      <charset val="128"/>
    </font>
    <font>
      <b/>
      <sz val="20"/>
      <color theme="1"/>
      <name val="游ゴシック"/>
      <family val="3"/>
      <charset val="128"/>
      <scheme val="minor"/>
    </font>
    <font>
      <b/>
      <sz val="22"/>
      <color theme="1"/>
      <name val="游ゴシック"/>
      <family val="3"/>
      <charset val="128"/>
      <scheme val="minor"/>
    </font>
    <font>
      <b/>
      <sz val="20"/>
      <color theme="1"/>
      <name val="メイリオ"/>
      <family val="3"/>
      <charset val="128"/>
    </font>
    <font>
      <b/>
      <sz val="20"/>
      <color rgb="FFFF0000"/>
      <name val="メイリオ"/>
      <family val="3"/>
      <charset val="128"/>
    </font>
    <font>
      <u/>
      <sz val="22"/>
      <color theme="10"/>
      <name val="游ゴシック"/>
      <family val="2"/>
      <charset val="128"/>
      <scheme val="minor"/>
    </font>
    <font>
      <sz val="20"/>
      <name val="メイリオ"/>
      <family val="3"/>
      <charset val="128"/>
    </font>
    <font>
      <sz val="18"/>
      <name val="メイリオ"/>
      <family val="3"/>
      <charset val="128"/>
    </font>
  </fonts>
  <fills count="30">
    <fill>
      <patternFill patternType="none"/>
    </fill>
    <fill>
      <patternFill patternType="gray125"/>
    </fill>
    <fill>
      <patternFill patternType="solid">
        <fgColor theme="8" tint="0.39997558519241921"/>
        <bgColor indexed="64"/>
      </patternFill>
    </fill>
    <fill>
      <patternFill patternType="solid">
        <fgColor theme="0"/>
        <bgColor indexed="64"/>
      </patternFill>
    </fill>
    <fill>
      <patternFill patternType="solid">
        <fgColor theme="5" tint="0.79998168889431442"/>
        <bgColor indexed="64"/>
      </patternFill>
    </fill>
    <fill>
      <patternFill patternType="solid">
        <fgColor rgb="FFFFFF00"/>
        <bgColor indexed="64"/>
      </patternFill>
    </fill>
    <fill>
      <patternFill patternType="solid">
        <fgColor theme="5" tint="0.79998168889431442"/>
        <bgColor rgb="FF134F5C"/>
      </patternFill>
    </fill>
    <fill>
      <patternFill patternType="solid">
        <fgColor theme="0" tint="-4.9989318521683403E-2"/>
        <bgColor indexed="64"/>
      </patternFill>
    </fill>
    <fill>
      <patternFill patternType="solid">
        <fgColor theme="7" tint="0.79998168889431442"/>
        <bgColor indexed="64"/>
      </patternFill>
    </fill>
    <fill>
      <patternFill patternType="solid">
        <fgColor theme="4" tint="0.79998168889431442"/>
        <bgColor indexed="64"/>
      </patternFill>
    </fill>
    <fill>
      <patternFill patternType="solid">
        <fgColor theme="5" tint="0.59999389629810485"/>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7" tint="0.59999389629810485"/>
        <bgColor indexed="64"/>
      </patternFill>
    </fill>
    <fill>
      <patternFill patternType="solid">
        <fgColor theme="7" tint="0.59999389629810485"/>
        <bgColor rgb="FF134F5C"/>
      </patternFill>
    </fill>
    <fill>
      <patternFill patternType="solid">
        <fgColor theme="7" tint="0.79998168889431442"/>
        <bgColor rgb="FF134F5C"/>
      </patternFill>
    </fill>
    <fill>
      <patternFill patternType="solid">
        <fgColor theme="7" tint="0.39997558519241921"/>
        <bgColor indexed="64"/>
      </patternFill>
    </fill>
    <fill>
      <patternFill patternType="solid">
        <fgColor theme="5" tint="0.59999389629810485"/>
        <bgColor rgb="FF134F5C"/>
      </patternFill>
    </fill>
    <fill>
      <patternFill patternType="solid">
        <fgColor theme="5" tint="0.39997558519241921"/>
        <bgColor indexed="64"/>
      </patternFill>
    </fill>
    <fill>
      <patternFill patternType="solid">
        <fgColor theme="8" tint="0.59999389629810485"/>
        <bgColor indexed="64"/>
      </patternFill>
    </fill>
    <fill>
      <patternFill patternType="solid">
        <fgColor theme="8" tint="0.59999389629810485"/>
        <bgColor rgb="FF134F5C"/>
      </patternFill>
    </fill>
    <fill>
      <patternFill patternType="solid">
        <fgColor theme="9" tint="0.59999389629810485"/>
        <bgColor indexed="64"/>
      </patternFill>
    </fill>
    <fill>
      <patternFill patternType="solid">
        <fgColor theme="9" tint="0.59999389629810485"/>
        <bgColor rgb="FF134F5C"/>
      </patternFill>
    </fill>
    <fill>
      <patternFill patternType="solid">
        <fgColor theme="9" tint="0.39997558519241921"/>
        <bgColor indexed="64"/>
      </patternFill>
    </fill>
    <fill>
      <patternFill patternType="solid">
        <fgColor theme="9" tint="0.79998168889431442"/>
        <bgColor rgb="FF134F5C"/>
      </patternFill>
    </fill>
    <fill>
      <patternFill patternType="solid">
        <fgColor theme="8" tint="0.79998168889431442"/>
        <bgColor rgb="FF134F5C"/>
      </patternFill>
    </fill>
    <fill>
      <patternFill patternType="solid">
        <fgColor theme="0" tint="-0.249977111117893"/>
        <bgColor indexed="64"/>
      </patternFill>
    </fill>
    <fill>
      <patternFill patternType="solid">
        <fgColor rgb="FFFFD9FF"/>
        <bgColor indexed="64"/>
      </patternFill>
    </fill>
    <fill>
      <patternFill patternType="solid">
        <fgColor theme="0" tint="-0.14999847407452621"/>
        <bgColor indexed="64"/>
      </patternFill>
    </fill>
    <fill>
      <patternFill patternType="solid">
        <fgColor theme="0" tint="-0.14999847407452621"/>
        <bgColor rgb="FF134F5C"/>
      </patternFill>
    </fill>
  </fills>
  <borders count="7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style="medium">
        <color indexed="64"/>
      </right>
      <top style="medium">
        <color indexed="64"/>
      </top>
      <bottom style="medium">
        <color indexed="64"/>
      </bottom>
      <diagonal/>
    </border>
    <border>
      <left/>
      <right/>
      <top/>
      <bottom style="medium">
        <color indexed="64"/>
      </bottom>
      <diagonal/>
    </border>
    <border>
      <left style="medium">
        <color indexed="64"/>
      </left>
      <right style="medium">
        <color indexed="64"/>
      </right>
      <top/>
      <bottom style="medium">
        <color indexed="64"/>
      </bottom>
      <diagonal/>
    </border>
    <border>
      <left style="medium">
        <color indexed="64"/>
      </left>
      <right/>
      <top/>
      <bottom style="medium">
        <color indexed="64"/>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hair">
        <color indexed="64"/>
      </right>
      <top/>
      <bottom style="medium">
        <color indexed="64"/>
      </bottom>
      <diagonal/>
    </border>
    <border>
      <left style="medium">
        <color indexed="64"/>
      </left>
      <right style="hair">
        <color indexed="64"/>
      </right>
      <top/>
      <bottom style="medium">
        <color indexed="64"/>
      </bottom>
      <diagonal/>
    </border>
    <border>
      <left style="medium">
        <color indexed="64"/>
      </left>
      <right/>
      <top/>
      <bottom style="thin">
        <color indexed="64"/>
      </bottom>
      <diagonal/>
    </border>
    <border>
      <left/>
      <right/>
      <top/>
      <bottom style="thin">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auto="1"/>
      </left>
      <right style="medium">
        <color indexed="64"/>
      </right>
      <top/>
      <bottom style="thin">
        <color auto="1"/>
      </bottom>
      <diagonal/>
    </border>
    <border>
      <left/>
      <right style="thin">
        <color indexed="64"/>
      </right>
      <top/>
      <bottom style="thin">
        <color indexed="64"/>
      </bottom>
      <diagonal/>
    </border>
    <border>
      <left style="thin">
        <color indexed="64"/>
      </left>
      <right/>
      <top/>
      <bottom style="thin">
        <color indexed="64"/>
      </bottom>
      <diagonal/>
    </border>
    <border>
      <left style="thin">
        <color auto="1"/>
      </left>
      <right style="thin">
        <color auto="1"/>
      </right>
      <top/>
      <bottom style="thin">
        <color auto="1"/>
      </bottom>
      <diagonal/>
    </border>
    <border>
      <left style="hair">
        <color indexed="64"/>
      </left>
      <right style="medium">
        <color indexed="64"/>
      </right>
      <top/>
      <bottom style="thin">
        <color indexed="64"/>
      </bottom>
      <diagonal/>
    </border>
    <border>
      <left style="medium">
        <color indexed="64"/>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bottom style="thin">
        <color indexed="64"/>
      </bottom>
      <diagonal/>
    </border>
    <border>
      <left/>
      <right style="thin">
        <color indexed="64"/>
      </right>
      <top style="medium">
        <color indexed="64"/>
      </top>
      <bottom style="medium">
        <color indexed="64"/>
      </bottom>
      <diagonal/>
    </border>
    <border>
      <left style="thin">
        <color auto="1"/>
      </left>
      <right/>
      <top style="medium">
        <color indexed="64"/>
      </top>
      <bottom style="medium">
        <color indexed="64"/>
      </bottom>
      <diagonal/>
    </border>
    <border>
      <left style="hair">
        <color indexed="64"/>
      </left>
      <right style="medium">
        <color indexed="64"/>
      </right>
      <top style="medium">
        <color indexed="64"/>
      </top>
      <bottom style="medium">
        <color indexed="64"/>
      </bottom>
      <diagonal/>
    </border>
    <border>
      <left style="medium">
        <color indexed="64"/>
      </left>
      <right style="hair">
        <color indexed="64"/>
      </right>
      <top style="medium">
        <color indexed="64"/>
      </top>
      <bottom style="medium">
        <color indexed="64"/>
      </bottom>
      <diagonal/>
    </border>
    <border>
      <left style="hair">
        <color indexed="64"/>
      </left>
      <right style="hair">
        <color indexed="64"/>
      </right>
      <top style="medium">
        <color indexed="64"/>
      </top>
      <bottom style="medium">
        <color indexed="64"/>
      </bottom>
      <diagonal/>
    </border>
    <border>
      <left/>
      <right style="hair">
        <color indexed="64"/>
      </right>
      <top style="medium">
        <color indexed="64"/>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medium">
        <color indexed="64"/>
      </bottom>
      <diagonal/>
    </border>
    <border>
      <left/>
      <right style="double">
        <color indexed="64"/>
      </right>
      <top style="thin">
        <color indexed="64"/>
      </top>
      <bottom style="medium">
        <color indexed="64"/>
      </bottom>
      <diagonal/>
    </border>
    <border>
      <left style="medium">
        <color indexed="64"/>
      </left>
      <right style="double">
        <color indexed="64"/>
      </right>
      <top style="medium">
        <color indexed="64"/>
      </top>
      <bottom style="medium">
        <color indexed="64"/>
      </bottom>
      <diagonal/>
    </border>
    <border>
      <left style="double">
        <color indexed="64"/>
      </left>
      <right/>
      <top style="medium">
        <color indexed="64"/>
      </top>
      <bottom style="medium">
        <color indexed="64"/>
      </bottom>
      <diagonal/>
    </border>
    <border>
      <left style="medium">
        <color indexed="64"/>
      </left>
      <right style="double">
        <color indexed="64"/>
      </right>
      <top/>
      <bottom style="thin">
        <color indexed="64"/>
      </bottom>
      <diagonal/>
    </border>
    <border>
      <left style="double">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double">
        <color indexed="64"/>
      </right>
      <top style="thin">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medium">
        <color indexed="64"/>
      </top>
      <bottom/>
      <diagonal/>
    </border>
    <border>
      <left/>
      <right style="medium">
        <color indexed="64"/>
      </right>
      <top style="thin">
        <color indexed="64"/>
      </top>
      <bottom style="medium">
        <color indexed="64"/>
      </bottom>
      <diagonal/>
    </border>
    <border>
      <left style="double">
        <color indexed="64"/>
      </left>
      <right style="thin">
        <color indexed="64"/>
      </right>
      <top style="double">
        <color indexed="64"/>
      </top>
      <bottom style="double">
        <color indexed="64"/>
      </bottom>
      <diagonal/>
    </border>
    <border>
      <left style="thin">
        <color indexed="64"/>
      </left>
      <right style="thin">
        <color indexed="64"/>
      </right>
      <top style="double">
        <color indexed="64"/>
      </top>
      <bottom style="double">
        <color indexed="64"/>
      </bottom>
      <diagonal/>
    </border>
    <border>
      <left style="thin">
        <color indexed="64"/>
      </left>
      <right style="double">
        <color indexed="64"/>
      </right>
      <top style="double">
        <color indexed="64"/>
      </top>
      <bottom style="double">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medium">
        <color indexed="64"/>
      </top>
      <bottom/>
      <diagonal/>
    </border>
    <border>
      <left/>
      <right style="double">
        <color indexed="64"/>
      </right>
      <top style="medium">
        <color indexed="64"/>
      </top>
      <bottom/>
      <diagonal/>
    </border>
    <border>
      <left/>
      <right style="medium">
        <color indexed="64"/>
      </right>
      <top style="medium">
        <color indexed="64"/>
      </top>
      <bottom/>
      <diagonal/>
    </border>
    <border>
      <left style="medium">
        <color indexed="64"/>
      </left>
      <right style="medium">
        <color indexed="64"/>
      </right>
      <top style="medium">
        <color indexed="64"/>
      </top>
      <bottom/>
      <diagonal/>
    </border>
    <border>
      <left style="thin">
        <color indexed="64"/>
      </left>
      <right style="double">
        <color indexed="64"/>
      </right>
      <top style="thin">
        <color indexed="64"/>
      </top>
      <bottom style="thin">
        <color indexed="64"/>
      </bottom>
      <diagonal/>
    </border>
    <border>
      <left/>
      <right style="medium">
        <color indexed="64"/>
      </right>
      <top style="thin">
        <color indexed="64"/>
      </top>
      <bottom/>
      <diagonal/>
    </border>
    <border>
      <left/>
      <right style="medium">
        <color indexed="64"/>
      </right>
      <top/>
      <bottom style="medium">
        <color indexed="64"/>
      </bottom>
      <diagonal/>
    </border>
    <border>
      <left style="medium">
        <color indexed="64"/>
      </left>
      <right style="medium">
        <color indexed="64"/>
      </right>
      <top/>
      <bottom/>
      <diagonal/>
    </border>
    <border>
      <left style="medium">
        <color indexed="64"/>
      </left>
      <right/>
      <top/>
      <bottom/>
      <diagonal/>
    </border>
    <border>
      <left/>
      <right style="medium">
        <color indexed="64"/>
      </right>
      <top/>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medium">
        <color indexed="64"/>
      </top>
      <bottom style="medium">
        <color indexed="64"/>
      </bottom>
      <diagonal/>
    </border>
    <border>
      <left style="hair">
        <color indexed="64"/>
      </left>
      <right/>
      <top style="medium">
        <color indexed="64"/>
      </top>
      <bottom style="medium">
        <color indexed="64"/>
      </bottom>
      <diagonal/>
    </border>
    <border>
      <left style="hair">
        <color indexed="64"/>
      </left>
      <right/>
      <top/>
      <bottom style="thin">
        <color indexed="64"/>
      </bottom>
      <diagonal/>
    </border>
    <border>
      <left style="hair">
        <color indexed="64"/>
      </left>
      <right/>
      <top/>
      <bottom style="medium">
        <color indexed="64"/>
      </bottom>
      <diagonal/>
    </border>
    <border>
      <left style="thin">
        <color indexed="64"/>
      </left>
      <right/>
      <top style="double">
        <color indexed="64"/>
      </top>
      <bottom style="double">
        <color indexed="64"/>
      </bottom>
      <diagonal/>
    </border>
  </borders>
  <cellStyleXfs count="4">
    <xf numFmtId="0" fontId="0" fillId="0" borderId="0">
      <alignment vertical="center"/>
    </xf>
    <xf numFmtId="0" fontId="4" fillId="0" borderId="0"/>
    <xf numFmtId="49" fontId="5" fillId="0" borderId="0">
      <alignment horizontal="left" vertical="center"/>
    </xf>
    <xf numFmtId="0" fontId="37" fillId="0" borderId="0" applyNumberFormat="0" applyFill="0" applyBorder="0" applyAlignment="0" applyProtection="0">
      <alignment vertical="center"/>
    </xf>
  </cellStyleXfs>
  <cellXfs count="207">
    <xf numFmtId="0" fontId="0" fillId="0" borderId="0" xfId="0">
      <alignment vertical="center"/>
    </xf>
    <xf numFmtId="0" fontId="3" fillId="0" borderId="0" xfId="0" applyFont="1">
      <alignment vertical="center"/>
    </xf>
    <xf numFmtId="0" fontId="0" fillId="2" borderId="0" xfId="0" applyFill="1">
      <alignment vertical="center"/>
    </xf>
    <xf numFmtId="0" fontId="0" fillId="0" borderId="0" xfId="0" applyBorder="1">
      <alignment vertical="center"/>
    </xf>
    <xf numFmtId="0" fontId="8" fillId="0" borderId="0" xfId="0" applyFont="1" applyAlignment="1">
      <alignment vertical="top"/>
    </xf>
    <xf numFmtId="0" fontId="10" fillId="3" borderId="0" xfId="0" applyFont="1" applyFill="1">
      <alignment vertical="center"/>
    </xf>
    <xf numFmtId="0" fontId="3" fillId="0" borderId="0" xfId="0" applyFont="1" applyAlignment="1">
      <alignment horizontal="center" vertical="center"/>
    </xf>
    <xf numFmtId="0" fontId="3" fillId="0" borderId="7" xfId="0" applyFont="1" applyBorder="1">
      <alignment vertical="center"/>
    </xf>
    <xf numFmtId="0" fontId="3" fillId="0" borderId="32" xfId="0" applyFont="1" applyBorder="1" applyAlignment="1">
      <alignment horizontal="center" vertical="center"/>
    </xf>
    <xf numFmtId="0" fontId="3" fillId="0" borderId="33" xfId="0" applyFont="1" applyBorder="1">
      <alignment vertical="center"/>
    </xf>
    <xf numFmtId="0" fontId="3" fillId="0" borderId="34" xfId="0" applyFont="1" applyBorder="1" applyAlignment="1">
      <alignment horizontal="center" vertical="center"/>
    </xf>
    <xf numFmtId="0" fontId="3" fillId="0" borderId="35" xfId="0" applyFont="1" applyBorder="1">
      <alignment vertical="center"/>
    </xf>
    <xf numFmtId="0" fontId="3" fillId="0" borderId="36" xfId="0" applyFont="1" applyBorder="1">
      <alignment vertical="center"/>
    </xf>
    <xf numFmtId="0" fontId="3" fillId="0" borderId="17" xfId="0" applyFont="1" applyBorder="1" applyAlignment="1">
      <alignment horizontal="center" vertical="center"/>
    </xf>
    <xf numFmtId="0" fontId="3" fillId="0" borderId="21" xfId="0" applyFont="1" applyBorder="1">
      <alignment vertical="center"/>
    </xf>
    <xf numFmtId="0" fontId="3" fillId="4" borderId="37" xfId="0" applyFont="1" applyFill="1" applyBorder="1" applyAlignment="1">
      <alignment horizontal="center" vertical="center"/>
    </xf>
    <xf numFmtId="0" fontId="3" fillId="4" borderId="38" xfId="0" applyFont="1" applyFill="1" applyBorder="1" applyAlignment="1">
      <alignment horizontal="center" vertical="center"/>
    </xf>
    <xf numFmtId="0" fontId="3" fillId="4" borderId="39" xfId="0" applyFont="1" applyFill="1" applyBorder="1" applyAlignment="1">
      <alignment horizontal="center" vertical="center"/>
    </xf>
    <xf numFmtId="0" fontId="3" fillId="0" borderId="0" xfId="0" applyFont="1" applyAlignment="1">
      <alignment horizontal="left" vertical="center"/>
    </xf>
    <xf numFmtId="0" fontId="20" fillId="0" borderId="0" xfId="0" applyFont="1" applyAlignment="1">
      <alignment horizontal="left" vertical="center"/>
    </xf>
    <xf numFmtId="0" fontId="23" fillId="5" borderId="45" xfId="0" applyFont="1" applyFill="1" applyBorder="1" applyAlignment="1">
      <alignment horizontal="center" vertical="center" wrapText="1"/>
    </xf>
    <xf numFmtId="0" fontId="19" fillId="5" borderId="39" xfId="0" applyFont="1" applyFill="1" applyBorder="1" applyAlignment="1">
      <alignment horizontal="left" vertical="center" wrapText="1"/>
    </xf>
    <xf numFmtId="0" fontId="19" fillId="0" borderId="0" xfId="0" applyFont="1" applyAlignment="1">
      <alignment horizontal="left" vertical="center"/>
    </xf>
    <xf numFmtId="0" fontId="25" fillId="0" borderId="47" xfId="0" applyFont="1" applyFill="1" applyBorder="1" applyAlignment="1">
      <alignment horizontal="center" vertical="center"/>
    </xf>
    <xf numFmtId="0" fontId="7" fillId="0" borderId="0" xfId="0" applyFont="1" applyFill="1" applyAlignment="1">
      <alignment horizontal="left" vertical="center"/>
    </xf>
    <xf numFmtId="0" fontId="25" fillId="0" borderId="50" xfId="0" applyFont="1" applyFill="1" applyBorder="1" applyAlignment="1">
      <alignment horizontal="center" vertical="center"/>
    </xf>
    <xf numFmtId="0" fontId="23" fillId="0" borderId="0" xfId="0" applyFont="1" applyAlignment="1">
      <alignment horizontal="left" vertical="center"/>
    </xf>
    <xf numFmtId="0" fontId="21" fillId="0" borderId="42" xfId="0" applyFont="1" applyBorder="1" applyAlignment="1">
      <alignment horizontal="left" vertical="center" shrinkToFit="1"/>
    </xf>
    <xf numFmtId="0" fontId="21" fillId="0" borderId="54" xfId="0" applyFont="1" applyBorder="1" applyAlignment="1">
      <alignment horizontal="left" vertical="center" shrinkToFit="1"/>
    </xf>
    <xf numFmtId="0" fontId="34" fillId="0" borderId="5" xfId="0" applyFont="1" applyBorder="1" applyAlignment="1">
      <alignment horizontal="left" vertical="top" wrapText="1"/>
    </xf>
    <xf numFmtId="0" fontId="35" fillId="0" borderId="4" xfId="0" applyFont="1" applyBorder="1" applyAlignment="1">
      <alignment horizontal="left" vertical="top" wrapText="1"/>
    </xf>
    <xf numFmtId="0" fontId="21" fillId="0" borderId="6" xfId="0" applyFont="1" applyFill="1" applyBorder="1" applyAlignment="1">
      <alignment vertical="top"/>
    </xf>
    <xf numFmtId="0" fontId="21" fillId="0" borderId="5" xfId="0" applyFont="1" applyFill="1" applyBorder="1" applyAlignment="1">
      <alignment vertical="top"/>
    </xf>
    <xf numFmtId="0" fontId="35" fillId="0" borderId="5" xfId="0" applyFont="1" applyBorder="1" applyAlignment="1">
      <alignment horizontal="left" vertical="top" wrapText="1"/>
    </xf>
    <xf numFmtId="0" fontId="35" fillId="0" borderId="11" xfId="0" applyFont="1" applyBorder="1" applyAlignment="1">
      <alignment horizontal="left" vertical="top" wrapText="1"/>
    </xf>
    <xf numFmtId="0" fontId="35" fillId="0" borderId="10" xfId="0" applyFont="1" applyBorder="1" applyAlignment="1">
      <alignment horizontal="left" vertical="top" wrapText="1"/>
    </xf>
    <xf numFmtId="0" fontId="35" fillId="0" borderId="6" xfId="0" applyFont="1" applyBorder="1" applyAlignment="1">
      <alignment horizontal="left" vertical="top" wrapText="1"/>
    </xf>
    <xf numFmtId="0" fontId="35" fillId="0" borderId="9" xfId="0" applyFont="1" applyBorder="1" applyAlignment="1">
      <alignment horizontal="left" vertical="top" wrapText="1"/>
    </xf>
    <xf numFmtId="0" fontId="36" fillId="0" borderId="13" xfId="0" applyFont="1" applyBorder="1" applyAlignment="1">
      <alignment horizontal="left" vertical="top" wrapText="1"/>
    </xf>
    <xf numFmtId="0" fontId="35" fillId="0" borderId="8" xfId="0" applyFont="1" applyBorder="1" applyAlignment="1">
      <alignment horizontal="left" vertical="top"/>
    </xf>
    <xf numFmtId="0" fontId="35" fillId="0" borderId="9" xfId="0" applyFont="1" applyBorder="1" applyAlignment="1">
      <alignment horizontal="left" vertical="top"/>
    </xf>
    <xf numFmtId="0" fontId="35" fillId="0" borderId="13" xfId="0" applyFont="1" applyBorder="1" applyAlignment="1">
      <alignment horizontal="left" vertical="top"/>
    </xf>
    <xf numFmtId="0" fontId="35" fillId="0" borderId="12" xfId="0" applyFont="1" applyBorder="1" applyAlignment="1">
      <alignment horizontal="left" vertical="top"/>
    </xf>
    <xf numFmtId="0" fontId="35" fillId="0" borderId="0" xfId="0" applyFont="1">
      <alignment vertical="center"/>
    </xf>
    <xf numFmtId="0" fontId="3" fillId="0" borderId="58" xfId="0" applyFont="1" applyBorder="1" applyAlignment="1">
      <alignment horizontal="center" vertical="center"/>
    </xf>
    <xf numFmtId="0" fontId="3" fillId="0" borderId="59" xfId="0" applyFont="1" applyBorder="1">
      <alignment vertical="center"/>
    </xf>
    <xf numFmtId="0" fontId="3" fillId="0" borderId="60" xfId="0" applyFont="1" applyBorder="1">
      <alignment vertical="center"/>
    </xf>
    <xf numFmtId="0" fontId="21" fillId="0" borderId="0" xfId="0" applyFont="1" applyAlignment="1">
      <alignment horizontal="left" vertical="center"/>
    </xf>
    <xf numFmtId="0" fontId="21" fillId="0" borderId="63" xfId="0" applyFont="1" applyBorder="1" applyAlignment="1">
      <alignment horizontal="left" vertical="center" shrinkToFit="1"/>
    </xf>
    <xf numFmtId="0" fontId="38" fillId="0" borderId="0" xfId="0" applyFont="1" applyAlignment="1">
      <alignment vertical="top"/>
    </xf>
    <xf numFmtId="0" fontId="39" fillId="0" borderId="0" xfId="0" applyFont="1" applyAlignment="1">
      <alignment vertical="top"/>
    </xf>
    <xf numFmtId="0" fontId="39" fillId="0" borderId="0" xfId="0" applyFont="1" applyAlignment="1">
      <alignment horizontal="center" vertical="center"/>
    </xf>
    <xf numFmtId="0" fontId="21" fillId="0" borderId="66" xfId="0" applyFont="1" applyBorder="1" applyAlignment="1">
      <alignment horizontal="left" vertical="center" shrinkToFit="1"/>
    </xf>
    <xf numFmtId="0" fontId="22" fillId="0" borderId="0" xfId="0" applyFont="1" applyAlignment="1">
      <alignment horizontal="left" vertical="center"/>
    </xf>
    <xf numFmtId="0" fontId="0" fillId="0" borderId="0" xfId="0" applyFont="1" applyFill="1">
      <alignment vertical="center"/>
    </xf>
    <xf numFmtId="0" fontId="0" fillId="0" borderId="0" xfId="0" applyAlignment="1">
      <alignment vertical="center" wrapText="1"/>
    </xf>
    <xf numFmtId="0" fontId="0" fillId="0" borderId="0" xfId="0" applyFill="1">
      <alignment vertical="center"/>
    </xf>
    <xf numFmtId="0" fontId="0" fillId="0" borderId="0" xfId="0" applyAlignment="1">
      <alignment vertical="top"/>
    </xf>
    <xf numFmtId="0" fontId="0" fillId="0" borderId="5" xfId="0" applyBorder="1" applyAlignment="1">
      <alignment horizontal="left" vertical="top" wrapText="1"/>
    </xf>
    <xf numFmtId="0" fontId="0" fillId="0" borderId="68" xfId="0" applyBorder="1">
      <alignment vertical="center"/>
    </xf>
    <xf numFmtId="0" fontId="0" fillId="0" borderId="5" xfId="0" applyBorder="1">
      <alignment vertical="center"/>
    </xf>
    <xf numFmtId="0" fontId="0" fillId="0" borderId="69" xfId="0" applyBorder="1">
      <alignment vertical="center"/>
    </xf>
    <xf numFmtId="0" fontId="0" fillId="0" borderId="70" xfId="0" applyBorder="1">
      <alignment vertical="center"/>
    </xf>
    <xf numFmtId="0" fontId="0" fillId="0" borderId="6" xfId="0" applyBorder="1">
      <alignment vertical="center"/>
    </xf>
    <xf numFmtId="0" fontId="0" fillId="0" borderId="67" xfId="0" applyBorder="1">
      <alignment vertical="center"/>
    </xf>
    <xf numFmtId="0" fontId="0" fillId="8" borderId="71" xfId="0" applyFont="1" applyFill="1" applyBorder="1">
      <alignment vertical="center"/>
    </xf>
    <xf numFmtId="0" fontId="0" fillId="4" borderId="71" xfId="0" applyFill="1" applyBorder="1">
      <alignment vertical="center"/>
    </xf>
    <xf numFmtId="0" fontId="40" fillId="3" borderId="0" xfId="0" applyFont="1" applyFill="1">
      <alignment vertical="center"/>
    </xf>
    <xf numFmtId="0" fontId="0" fillId="3" borderId="0" xfId="0" applyFill="1" applyAlignment="1">
      <alignment horizontal="center" vertical="center"/>
    </xf>
    <xf numFmtId="0" fontId="10" fillId="3" borderId="0" xfId="0" applyFont="1" applyFill="1" applyBorder="1" applyAlignment="1">
      <alignment horizontal="center" vertical="center"/>
    </xf>
    <xf numFmtId="0" fontId="0" fillId="3" borderId="0" xfId="0" applyFill="1" applyBorder="1" applyAlignment="1">
      <alignment horizontal="center" vertical="center"/>
    </xf>
    <xf numFmtId="0" fontId="35" fillId="0" borderId="77" xfId="0" applyFont="1" applyBorder="1" applyAlignment="1">
      <alignment horizontal="left" vertical="top" wrapText="1"/>
    </xf>
    <xf numFmtId="0" fontId="35" fillId="0" borderId="8" xfId="0" applyFont="1" applyBorder="1" applyAlignment="1">
      <alignment horizontal="left" vertical="top" wrapText="1"/>
    </xf>
    <xf numFmtId="0" fontId="40" fillId="3" borderId="0" xfId="0" applyFont="1" applyFill="1" applyBorder="1" applyAlignment="1">
      <alignment horizontal="center" vertical="center"/>
    </xf>
    <xf numFmtId="0" fontId="42" fillId="13" borderId="29" xfId="0" applyFont="1" applyFill="1" applyBorder="1" applyAlignment="1">
      <alignment horizontal="left" vertical="top" wrapText="1"/>
    </xf>
    <xf numFmtId="0" fontId="43" fillId="8" borderId="28" xfId="0" applyFont="1" applyFill="1" applyBorder="1" applyAlignment="1">
      <alignment horizontal="left" vertical="top" wrapText="1"/>
    </xf>
    <xf numFmtId="0" fontId="42" fillId="10" borderId="29" xfId="0" applyFont="1" applyFill="1" applyBorder="1" applyAlignment="1">
      <alignment horizontal="left" vertical="top" wrapText="1"/>
    </xf>
    <xf numFmtId="0" fontId="43" fillId="4" borderId="28" xfId="0" applyFont="1" applyFill="1" applyBorder="1" applyAlignment="1">
      <alignment horizontal="left" vertical="top" wrapText="1"/>
    </xf>
    <xf numFmtId="0" fontId="42" fillId="21" borderId="29" xfId="0" applyFont="1" applyFill="1" applyBorder="1" applyAlignment="1">
      <alignment horizontal="left" vertical="top" wrapText="1"/>
    </xf>
    <xf numFmtId="0" fontId="43" fillId="12" borderId="75" xfId="0" applyFont="1" applyFill="1" applyBorder="1" applyAlignment="1">
      <alignment horizontal="left" vertical="top" wrapText="1"/>
    </xf>
    <xf numFmtId="0" fontId="42" fillId="12" borderId="30" xfId="0" applyFont="1" applyFill="1" applyBorder="1" applyAlignment="1">
      <alignment horizontal="left" vertical="top" wrapText="1"/>
    </xf>
    <xf numFmtId="0" fontId="42" fillId="12" borderId="2" xfId="0" applyFont="1" applyFill="1" applyBorder="1" applyAlignment="1">
      <alignment horizontal="left" vertical="top" wrapText="1"/>
    </xf>
    <xf numFmtId="0" fontId="42" fillId="3" borderId="0" xfId="0" applyFont="1" applyFill="1" applyAlignment="1">
      <alignment horizontal="left" vertical="top"/>
    </xf>
    <xf numFmtId="0" fontId="42" fillId="19" borderId="29" xfId="0" applyFont="1" applyFill="1" applyBorder="1" applyAlignment="1">
      <alignment horizontal="left" vertical="top" wrapText="1"/>
    </xf>
    <xf numFmtId="0" fontId="42" fillId="11" borderId="75" xfId="0" applyFont="1" applyFill="1" applyBorder="1" applyAlignment="1">
      <alignment horizontal="left" vertical="top" wrapText="1"/>
    </xf>
    <xf numFmtId="0" fontId="42" fillId="11" borderId="28" xfId="0" applyFont="1" applyFill="1" applyBorder="1" applyAlignment="1">
      <alignment horizontal="left" vertical="top" wrapText="1"/>
    </xf>
    <xf numFmtId="0" fontId="44" fillId="3" borderId="0" xfId="0" applyFont="1" applyFill="1">
      <alignment vertical="center"/>
    </xf>
    <xf numFmtId="0" fontId="42" fillId="13" borderId="31" xfId="0" applyFont="1" applyFill="1" applyBorder="1" applyAlignment="1">
      <alignment horizontal="left" vertical="top" wrapText="1"/>
    </xf>
    <xf numFmtId="0" fontId="9" fillId="18" borderId="0" xfId="0" applyFont="1" applyFill="1" applyAlignment="1">
      <alignment horizontal="center" vertical="center"/>
    </xf>
    <xf numFmtId="0" fontId="9" fillId="26" borderId="4" xfId="0" applyFont="1" applyFill="1" applyBorder="1" applyAlignment="1">
      <alignment vertical="center"/>
    </xf>
    <xf numFmtId="0" fontId="12" fillId="3" borderId="3" xfId="0" applyFont="1" applyFill="1" applyBorder="1" applyAlignment="1">
      <alignment horizontal="center" vertical="center"/>
    </xf>
    <xf numFmtId="0" fontId="42" fillId="4" borderId="3" xfId="0" applyFont="1" applyFill="1" applyBorder="1" applyAlignment="1">
      <alignment horizontal="left" vertical="top" wrapText="1"/>
    </xf>
    <xf numFmtId="0" fontId="29" fillId="27" borderId="56" xfId="0" applyFont="1" applyFill="1" applyBorder="1" applyAlignment="1">
      <alignment vertical="top" wrapText="1"/>
    </xf>
    <xf numFmtId="0" fontId="27" fillId="27" borderId="56" xfId="0" applyFont="1" applyFill="1" applyBorder="1" applyAlignment="1">
      <alignment vertical="top" wrapText="1"/>
    </xf>
    <xf numFmtId="0" fontId="13" fillId="27" borderId="56" xfId="0" applyFont="1" applyFill="1" applyBorder="1" applyAlignment="1">
      <alignment horizontal="left" vertical="top" wrapText="1"/>
    </xf>
    <xf numFmtId="0" fontId="13" fillId="27" borderId="56" xfId="0" applyFont="1" applyFill="1" applyBorder="1" applyAlignment="1">
      <alignment vertical="top"/>
    </xf>
    <xf numFmtId="0" fontId="13" fillId="27" borderId="56" xfId="0" applyFont="1" applyFill="1" applyBorder="1" applyAlignment="1">
      <alignment vertical="top" wrapText="1"/>
    </xf>
    <xf numFmtId="0" fontId="13" fillId="27" borderId="78" xfId="0" applyFont="1" applyFill="1" applyBorder="1" applyAlignment="1">
      <alignment vertical="top" wrapText="1"/>
    </xf>
    <xf numFmtId="0" fontId="13" fillId="27" borderId="57" xfId="0" applyFont="1" applyFill="1" applyBorder="1" applyAlignment="1">
      <alignment vertical="top" wrapText="1"/>
    </xf>
    <xf numFmtId="0" fontId="11" fillId="28" borderId="3" xfId="0" applyFont="1" applyFill="1" applyBorder="1" applyAlignment="1">
      <alignment horizontal="left" vertical="top" wrapText="1"/>
    </xf>
    <xf numFmtId="0" fontId="12" fillId="28" borderId="2" xfId="0" applyFont="1" applyFill="1" applyBorder="1" applyAlignment="1">
      <alignment horizontal="left" vertical="top" wrapText="1"/>
    </xf>
    <xf numFmtId="0" fontId="11" fillId="28" borderId="1" xfId="0" applyFont="1" applyFill="1" applyBorder="1" applyAlignment="1">
      <alignment horizontal="left" vertical="top" wrapText="1"/>
    </xf>
    <xf numFmtId="0" fontId="11" fillId="28" borderId="2" xfId="0" applyFont="1" applyFill="1" applyBorder="1" applyAlignment="1">
      <alignment horizontal="left" vertical="top" wrapText="1"/>
    </xf>
    <xf numFmtId="0" fontId="12" fillId="28" borderId="3" xfId="0" applyFont="1" applyFill="1" applyBorder="1" applyAlignment="1">
      <alignment horizontal="left" vertical="top" wrapText="1"/>
    </xf>
    <xf numFmtId="0" fontId="11" fillId="28" borderId="26" xfId="0" applyFont="1" applyFill="1" applyBorder="1" applyAlignment="1">
      <alignment horizontal="left" vertical="top" wrapText="1"/>
    </xf>
    <xf numFmtId="0" fontId="11" fillId="28" borderId="27" xfId="0" applyFont="1" applyFill="1" applyBorder="1" applyAlignment="1">
      <alignment horizontal="left" vertical="top" wrapText="1"/>
    </xf>
    <xf numFmtId="0" fontId="42" fillId="28" borderId="3" xfId="0" applyFont="1" applyFill="1" applyBorder="1" applyAlignment="1">
      <alignment horizontal="left" vertical="top" wrapText="1"/>
    </xf>
    <xf numFmtId="0" fontId="48" fillId="3" borderId="5" xfId="0" applyFont="1" applyFill="1" applyBorder="1" applyAlignment="1">
      <alignment horizontal="center" vertical="center" wrapText="1"/>
    </xf>
    <xf numFmtId="0" fontId="49" fillId="27" borderId="55" xfId="0" applyFont="1" applyFill="1" applyBorder="1" applyAlignment="1">
      <alignment horizontal="center" vertical="center" textRotation="255"/>
    </xf>
    <xf numFmtId="0" fontId="41" fillId="27" borderId="56" xfId="0" applyFont="1" applyFill="1" applyBorder="1" applyAlignment="1">
      <alignment horizontal="left" vertical="center"/>
    </xf>
    <xf numFmtId="0" fontId="22" fillId="27" borderId="56" xfId="0" applyFont="1" applyFill="1" applyBorder="1" applyAlignment="1">
      <alignment horizontal="left" vertical="center"/>
    </xf>
    <xf numFmtId="0" fontId="45" fillId="27" borderId="56" xfId="0" applyFont="1" applyFill="1" applyBorder="1" applyAlignment="1">
      <alignment horizontal="left" vertical="center"/>
    </xf>
    <xf numFmtId="0" fontId="28" fillId="27" borderId="56" xfId="0" applyFont="1" applyFill="1" applyBorder="1" applyAlignment="1">
      <alignment horizontal="left" vertical="center" wrapText="1"/>
    </xf>
    <xf numFmtId="0" fontId="22" fillId="27" borderId="56" xfId="0" applyFont="1" applyFill="1" applyBorder="1" applyAlignment="1">
      <alignment horizontal="left" vertical="center" wrapText="1"/>
    </xf>
    <xf numFmtId="0" fontId="41" fillId="27" borderId="56" xfId="0" applyFont="1" applyFill="1" applyBorder="1" applyAlignment="1">
      <alignment horizontal="left" vertical="center" wrapText="1"/>
    </xf>
    <xf numFmtId="0" fontId="35" fillId="3" borderId="64" xfId="0" applyFont="1" applyFill="1" applyBorder="1" applyAlignment="1">
      <alignment horizontal="center" vertical="center"/>
    </xf>
    <xf numFmtId="0" fontId="35" fillId="28" borderId="3" xfId="0" applyFont="1" applyFill="1" applyBorder="1" applyAlignment="1">
      <alignment horizontal="center" vertical="center" wrapText="1"/>
    </xf>
    <xf numFmtId="0" fontId="35" fillId="28" borderId="1" xfId="0" applyFont="1" applyFill="1" applyBorder="1" applyAlignment="1">
      <alignment horizontal="center" vertical="center" wrapText="1"/>
    </xf>
    <xf numFmtId="0" fontId="35" fillId="28" borderId="2" xfId="0" applyFont="1" applyFill="1" applyBorder="1" applyAlignment="1">
      <alignment horizontal="center" vertical="center" wrapText="1"/>
    </xf>
    <xf numFmtId="0" fontId="35" fillId="28" borderId="26" xfId="0" applyFont="1" applyFill="1" applyBorder="1" applyAlignment="1">
      <alignment horizontal="center" vertical="center" wrapText="1"/>
    </xf>
    <xf numFmtId="0" fontId="35" fillId="28" borderId="27" xfId="0" applyFont="1" applyFill="1" applyBorder="1" applyAlignment="1">
      <alignment horizontal="center" vertical="center" wrapText="1"/>
    </xf>
    <xf numFmtId="0" fontId="35" fillId="13" borderId="29" xfId="0" applyFont="1" applyFill="1" applyBorder="1" applyAlignment="1">
      <alignment horizontal="center" vertical="center" wrapText="1"/>
    </xf>
    <xf numFmtId="0" fontId="35" fillId="8" borderId="28" xfId="0" applyFont="1" applyFill="1" applyBorder="1" applyAlignment="1">
      <alignment horizontal="center" vertical="center" wrapText="1"/>
    </xf>
    <xf numFmtId="0" fontId="35" fillId="10" borderId="29" xfId="0" applyFont="1" applyFill="1" applyBorder="1" applyAlignment="1">
      <alignment horizontal="center" vertical="center" wrapText="1"/>
    </xf>
    <xf numFmtId="0" fontId="35" fillId="4" borderId="28" xfId="0" applyFont="1" applyFill="1" applyBorder="1" applyAlignment="1">
      <alignment horizontal="center" vertical="center" wrapText="1"/>
    </xf>
    <xf numFmtId="0" fontId="35" fillId="21" borderId="29" xfId="0" applyFont="1" applyFill="1" applyBorder="1" applyAlignment="1">
      <alignment horizontal="center" vertical="center" wrapText="1"/>
    </xf>
    <xf numFmtId="0" fontId="35" fillId="12" borderId="75" xfId="0" applyFont="1" applyFill="1" applyBorder="1" applyAlignment="1">
      <alignment horizontal="center" vertical="center" wrapText="1"/>
    </xf>
    <xf numFmtId="0" fontId="35" fillId="12" borderId="30" xfId="0" applyFont="1" applyFill="1" applyBorder="1" applyAlignment="1">
      <alignment horizontal="center" vertical="center" wrapText="1"/>
    </xf>
    <xf numFmtId="0" fontId="35" fillId="12" borderId="2" xfId="0" applyFont="1" applyFill="1" applyBorder="1" applyAlignment="1">
      <alignment horizontal="center" vertical="center" wrapText="1"/>
    </xf>
    <xf numFmtId="0" fontId="35" fillId="19" borderId="29" xfId="0" applyFont="1" applyFill="1" applyBorder="1" applyAlignment="1">
      <alignment horizontal="center" vertical="center" wrapText="1"/>
    </xf>
    <xf numFmtId="0" fontId="35" fillId="11" borderId="75" xfId="0" applyFont="1" applyFill="1" applyBorder="1" applyAlignment="1">
      <alignment horizontal="center" vertical="center" wrapText="1"/>
    </xf>
    <xf numFmtId="0" fontId="35" fillId="11" borderId="28" xfId="0" applyFont="1" applyFill="1" applyBorder="1" applyAlignment="1">
      <alignment horizontal="center" vertical="center" wrapText="1"/>
    </xf>
    <xf numFmtId="0" fontId="35" fillId="13" borderId="31" xfId="0" applyFont="1" applyFill="1" applyBorder="1" applyAlignment="1">
      <alignment horizontal="center" vertical="center" wrapText="1"/>
    </xf>
    <xf numFmtId="0" fontId="35" fillId="4" borderId="64" xfId="0" applyFont="1" applyFill="1" applyBorder="1" applyAlignment="1">
      <alignment horizontal="center" vertical="center" wrapText="1"/>
    </xf>
    <xf numFmtId="0" fontId="35" fillId="3" borderId="0" xfId="0" applyFont="1" applyFill="1" applyAlignment="1">
      <alignment horizontal="center" vertical="center"/>
    </xf>
    <xf numFmtId="0" fontId="50" fillId="3" borderId="5" xfId="0" applyFont="1" applyFill="1" applyBorder="1" applyAlignment="1">
      <alignment horizontal="center" vertical="center"/>
    </xf>
    <xf numFmtId="0" fontId="50" fillId="29" borderId="16" xfId="0" applyFont="1" applyFill="1" applyBorder="1" applyAlignment="1">
      <alignment horizontal="left" vertical="center" wrapText="1"/>
    </xf>
    <xf numFmtId="0" fontId="50" fillId="28" borderId="15" xfId="0" applyFont="1" applyFill="1" applyBorder="1" applyAlignment="1">
      <alignment horizontal="left" vertical="center" wrapText="1"/>
    </xf>
    <xf numFmtId="0" fontId="50" fillId="29" borderId="14" xfId="0" applyFont="1" applyFill="1" applyBorder="1" applyAlignment="1">
      <alignment horizontal="left" vertical="center" wrapText="1"/>
    </xf>
    <xf numFmtId="0" fontId="50" fillId="28" borderId="16" xfId="0" applyFont="1" applyFill="1" applyBorder="1" applyAlignment="1">
      <alignment horizontal="left" vertical="center" wrapText="1"/>
    </xf>
    <xf numFmtId="0" fontId="50" fillId="29" borderId="15" xfId="0" applyFont="1" applyFill="1" applyBorder="1" applyAlignment="1">
      <alignment horizontal="left" vertical="center" wrapText="1"/>
    </xf>
    <xf numFmtId="0" fontId="50" fillId="29" borderId="19" xfId="0" applyFont="1" applyFill="1" applyBorder="1" applyAlignment="1">
      <alignment horizontal="left" vertical="center" wrapText="1"/>
    </xf>
    <xf numFmtId="0" fontId="50" fillId="29" borderId="20" xfId="0" applyFont="1" applyFill="1" applyBorder="1" applyAlignment="1">
      <alignment horizontal="left" vertical="center" wrapText="1"/>
    </xf>
    <xf numFmtId="0" fontId="50" fillId="29" borderId="22" xfId="0" applyFont="1" applyFill="1" applyBorder="1" applyAlignment="1">
      <alignment horizontal="left" vertical="center" wrapText="1"/>
    </xf>
    <xf numFmtId="0" fontId="50" fillId="29" borderId="23" xfId="0" applyFont="1" applyFill="1" applyBorder="1" applyAlignment="1">
      <alignment horizontal="left" vertical="center" wrapText="1"/>
    </xf>
    <xf numFmtId="0" fontId="50" fillId="29" borderId="24" xfId="0" applyFont="1" applyFill="1" applyBorder="1" applyAlignment="1">
      <alignment horizontal="left" vertical="center" wrapText="1"/>
    </xf>
    <xf numFmtId="0" fontId="50" fillId="14" borderId="23" xfId="0" applyFont="1" applyFill="1" applyBorder="1" applyAlignment="1">
      <alignment horizontal="left" vertical="center" wrapText="1"/>
    </xf>
    <xf numFmtId="0" fontId="50" fillId="8" borderId="22" xfId="0" applyFont="1" applyFill="1" applyBorder="1" applyAlignment="1">
      <alignment horizontal="left" vertical="center" wrapText="1"/>
    </xf>
    <xf numFmtId="0" fontId="50" fillId="17" borderId="23" xfId="0" applyFont="1" applyFill="1" applyBorder="1" applyAlignment="1">
      <alignment horizontal="left" vertical="center" wrapText="1"/>
    </xf>
    <xf numFmtId="0" fontId="50" fillId="6" borderId="22" xfId="0" applyFont="1" applyFill="1" applyBorder="1" applyAlignment="1">
      <alignment horizontal="left" vertical="center" wrapText="1"/>
    </xf>
    <xf numFmtId="0" fontId="50" fillId="22" borderId="23" xfId="0" applyFont="1" applyFill="1" applyBorder="1" applyAlignment="1">
      <alignment horizontal="left" vertical="center" wrapText="1"/>
    </xf>
    <xf numFmtId="0" fontId="50" fillId="24" borderId="76" xfId="0" applyFont="1" applyFill="1" applyBorder="1" applyAlignment="1">
      <alignment horizontal="left" vertical="center" wrapText="1"/>
    </xf>
    <xf numFmtId="0" fontId="50" fillId="24" borderId="24" xfId="0" applyFont="1" applyFill="1" applyBorder="1" applyAlignment="1">
      <alignment horizontal="left" vertical="center" wrapText="1"/>
    </xf>
    <xf numFmtId="0" fontId="50" fillId="24" borderId="15" xfId="0" applyFont="1" applyFill="1" applyBorder="1" applyAlignment="1">
      <alignment horizontal="left" vertical="center" wrapText="1"/>
    </xf>
    <xf numFmtId="0" fontId="50" fillId="20" borderId="23" xfId="0" applyFont="1" applyFill="1" applyBorder="1" applyAlignment="1">
      <alignment horizontal="left" vertical="center" wrapText="1"/>
    </xf>
    <xf numFmtId="0" fontId="50" fillId="25" borderId="76" xfId="0" applyFont="1" applyFill="1" applyBorder="1" applyAlignment="1">
      <alignment horizontal="left" vertical="center" wrapText="1"/>
    </xf>
    <xf numFmtId="0" fontId="50" fillId="25" borderId="22" xfId="0" applyFont="1" applyFill="1" applyBorder="1" applyAlignment="1">
      <alignment horizontal="left" vertical="center" wrapText="1"/>
    </xf>
    <xf numFmtId="0" fontId="50" fillId="14" borderId="25" xfId="0" applyFont="1" applyFill="1" applyBorder="1" applyAlignment="1">
      <alignment horizontal="left" vertical="center" wrapText="1"/>
    </xf>
    <xf numFmtId="0" fontId="50" fillId="15" borderId="22" xfId="0" applyFont="1" applyFill="1" applyBorder="1" applyAlignment="1">
      <alignment horizontal="left" vertical="center" wrapText="1"/>
    </xf>
    <xf numFmtId="0" fontId="50" fillId="4" borderId="68" xfId="0" applyFont="1" applyFill="1" applyBorder="1" applyAlignment="1">
      <alignment horizontal="left" vertical="center" wrapText="1"/>
    </xf>
    <xf numFmtId="0" fontId="50" fillId="3" borderId="0" xfId="0" applyFont="1" applyFill="1" applyAlignment="1">
      <alignment horizontal="left" vertical="center"/>
    </xf>
    <xf numFmtId="0" fontId="19" fillId="7" borderId="71" xfId="0" applyFont="1" applyFill="1" applyBorder="1" applyAlignment="1">
      <alignment horizontal="center" vertical="center"/>
    </xf>
    <xf numFmtId="0" fontId="52" fillId="0" borderId="5" xfId="3" applyFont="1" applyBorder="1">
      <alignment vertical="center"/>
    </xf>
    <xf numFmtId="0" fontId="21" fillId="0" borderId="43" xfId="0" applyFont="1" applyBorder="1" applyAlignment="1">
      <alignment horizontal="left" vertical="center"/>
    </xf>
    <xf numFmtId="0" fontId="21" fillId="0" borderId="44" xfId="0" applyFont="1" applyBorder="1" applyAlignment="1">
      <alignment horizontal="left" vertical="center"/>
    </xf>
    <xf numFmtId="0" fontId="19" fillId="5" borderId="46" xfId="0" applyFont="1" applyFill="1" applyBorder="1" applyAlignment="1">
      <alignment horizontal="center" vertical="center"/>
    </xf>
    <xf numFmtId="0" fontId="19" fillId="5" borderId="26" xfId="0" applyFont="1" applyFill="1" applyBorder="1" applyAlignment="1">
      <alignment horizontal="center" vertical="center"/>
    </xf>
    <xf numFmtId="0" fontId="26" fillId="0" borderId="53" xfId="0" applyFont="1" applyBorder="1" applyAlignment="1">
      <alignment horizontal="left" vertical="center" wrapText="1"/>
    </xf>
    <xf numFmtId="0" fontId="26" fillId="0" borderId="53" xfId="0" applyFont="1" applyBorder="1" applyAlignment="1">
      <alignment horizontal="left" vertical="center"/>
    </xf>
    <xf numFmtId="0" fontId="21" fillId="0" borderId="40" xfId="0" applyFont="1" applyBorder="1" applyAlignment="1">
      <alignment horizontal="left" vertical="center"/>
    </xf>
    <xf numFmtId="0" fontId="21" fillId="0" borderId="41" xfId="0" applyFont="1" applyBorder="1" applyAlignment="1">
      <alignment horizontal="left" vertical="center"/>
    </xf>
    <xf numFmtId="0" fontId="18" fillId="0" borderId="0" xfId="0" applyFont="1" applyAlignment="1">
      <alignment horizontal="center" vertical="center"/>
    </xf>
    <xf numFmtId="0" fontId="21" fillId="0" borderId="61" xfId="0" applyFont="1" applyBorder="1" applyAlignment="1">
      <alignment horizontal="left" vertical="center"/>
    </xf>
    <xf numFmtId="0" fontId="21" fillId="0" borderId="62" xfId="0" applyFont="1" applyBorder="1" applyAlignment="1">
      <alignment horizontal="left" vertical="center"/>
    </xf>
    <xf numFmtId="0" fontId="21" fillId="0" borderId="32" xfId="0" applyFont="1" applyBorder="1" applyAlignment="1">
      <alignment horizontal="left" vertical="center"/>
    </xf>
    <xf numFmtId="0" fontId="21" fillId="0" borderId="65" xfId="0" applyFont="1" applyBorder="1" applyAlignment="1">
      <alignment horizontal="left" vertical="center"/>
    </xf>
    <xf numFmtId="0" fontId="9" fillId="16" borderId="4" xfId="0" applyFont="1" applyFill="1" applyBorder="1" applyAlignment="1">
      <alignment horizontal="center" vertical="center"/>
    </xf>
    <xf numFmtId="0" fontId="35" fillId="28" borderId="29" xfId="0" applyFont="1" applyFill="1" applyBorder="1" applyAlignment="1">
      <alignment horizontal="center" vertical="center" wrapText="1"/>
    </xf>
    <xf numFmtId="0" fontId="35" fillId="28" borderId="30" xfId="0" applyFont="1" applyFill="1" applyBorder="1" applyAlignment="1">
      <alignment horizontal="center" vertical="center" wrapText="1"/>
    </xf>
    <xf numFmtId="0" fontId="35" fillId="28" borderId="28" xfId="0" applyFont="1" applyFill="1" applyBorder="1" applyAlignment="1">
      <alignment horizontal="center" vertical="center" wrapText="1"/>
    </xf>
    <xf numFmtId="0" fontId="42" fillId="28" borderId="1" xfId="0" applyFont="1" applyFill="1" applyBorder="1" applyAlignment="1">
      <alignment horizontal="left" vertical="top" wrapText="1"/>
    </xf>
    <xf numFmtId="0" fontId="42" fillId="28" borderId="2" xfId="0" applyFont="1" applyFill="1" applyBorder="1" applyAlignment="1">
      <alignment horizontal="left" vertical="top" wrapText="1"/>
    </xf>
    <xf numFmtId="0" fontId="42" fillId="28" borderId="74" xfId="0" applyFont="1" applyFill="1" applyBorder="1" applyAlignment="1">
      <alignment horizontal="left" vertical="top" wrapText="1"/>
    </xf>
    <xf numFmtId="0" fontId="35" fillId="28" borderId="27" xfId="0" applyFont="1" applyFill="1" applyBorder="1" applyAlignment="1">
      <alignment horizontal="center" vertical="center" wrapText="1"/>
    </xf>
    <xf numFmtId="0" fontId="35" fillId="28" borderId="74" xfId="0" applyFont="1" applyFill="1" applyBorder="1" applyAlignment="1">
      <alignment horizontal="center" vertical="center" wrapText="1"/>
    </xf>
    <xf numFmtId="0" fontId="11" fillId="28" borderId="27" xfId="0" applyFont="1" applyFill="1" applyBorder="1" applyAlignment="1">
      <alignment horizontal="left" vertical="top" wrapText="1"/>
    </xf>
    <xf numFmtId="0" fontId="11" fillId="28" borderId="74" xfId="0" applyFont="1" applyFill="1" applyBorder="1" applyAlignment="1">
      <alignment horizontal="left" vertical="top" wrapText="1"/>
    </xf>
    <xf numFmtId="0" fontId="9" fillId="18" borderId="4" xfId="0" applyFont="1" applyFill="1" applyBorder="1" applyAlignment="1">
      <alignment horizontal="center" vertical="center"/>
    </xf>
    <xf numFmtId="0" fontId="9" fillId="23" borderId="4" xfId="0" applyFont="1" applyFill="1" applyBorder="1" applyAlignment="1">
      <alignment horizontal="center" vertical="center"/>
    </xf>
    <xf numFmtId="0" fontId="9" fillId="2" borderId="4" xfId="0" applyFont="1" applyFill="1" applyBorder="1" applyAlignment="1">
      <alignment horizontal="center" vertical="center" wrapText="1"/>
    </xf>
    <xf numFmtId="0" fontId="9" fillId="2" borderId="4" xfId="0" applyFont="1" applyFill="1" applyBorder="1" applyAlignment="1">
      <alignment horizontal="center" vertical="center"/>
    </xf>
    <xf numFmtId="0" fontId="3" fillId="0" borderId="18" xfId="0" applyFont="1" applyBorder="1" applyAlignment="1">
      <alignment horizontal="center" vertical="center"/>
    </xf>
    <xf numFmtId="0" fontId="3" fillId="0" borderId="33" xfId="0" applyFont="1" applyBorder="1" applyAlignment="1">
      <alignment horizontal="center" vertical="center"/>
    </xf>
    <xf numFmtId="0" fontId="14" fillId="0" borderId="4" xfId="0" applyFont="1" applyBorder="1" applyAlignment="1">
      <alignment horizontal="center" vertical="center"/>
    </xf>
    <xf numFmtId="0" fontId="0" fillId="9" borderId="72" xfId="0" applyFill="1" applyBorder="1" applyAlignment="1">
      <alignment horizontal="center" vertical="center"/>
    </xf>
    <xf numFmtId="0" fontId="0" fillId="9" borderId="73" xfId="0" applyFill="1" applyBorder="1" applyAlignment="1">
      <alignment horizontal="center" vertical="center"/>
    </xf>
    <xf numFmtId="0" fontId="0" fillId="12" borderId="72" xfId="0" applyFill="1" applyBorder="1" applyAlignment="1">
      <alignment horizontal="center" vertical="center"/>
    </xf>
    <xf numFmtId="0" fontId="0" fillId="12" borderId="73" xfId="0" applyFill="1" applyBorder="1" applyAlignment="1">
      <alignment horizontal="center" vertical="center"/>
    </xf>
    <xf numFmtId="0" fontId="0" fillId="0" borderId="6" xfId="0" applyBorder="1" applyAlignment="1">
      <alignment horizontal="left" vertical="top" wrapText="1"/>
    </xf>
    <xf numFmtId="0" fontId="0" fillId="0" borderId="67" xfId="0" applyBorder="1" applyAlignment="1">
      <alignment horizontal="left" vertical="top"/>
    </xf>
    <xf numFmtId="0" fontId="53" fillId="0" borderId="48" xfId="0" applyFont="1" applyFill="1" applyBorder="1" applyAlignment="1">
      <alignment horizontal="left" vertical="center" wrapText="1"/>
    </xf>
    <xf numFmtId="0" fontId="53" fillId="0" borderId="49" xfId="0" applyFont="1" applyFill="1" applyBorder="1" applyAlignment="1">
      <alignment horizontal="left" vertical="center"/>
    </xf>
    <xf numFmtId="0" fontId="53" fillId="0" borderId="18" xfId="0" applyFont="1" applyFill="1" applyBorder="1" applyAlignment="1">
      <alignment horizontal="left" vertical="center" wrapText="1"/>
    </xf>
    <xf numFmtId="0" fontId="53" fillId="0" borderId="51" xfId="0" applyFont="1" applyFill="1" applyBorder="1" applyAlignment="1">
      <alignment horizontal="left" vertical="center" wrapText="1"/>
    </xf>
    <xf numFmtId="0" fontId="53" fillId="0" borderId="52" xfId="0" applyFont="1" applyFill="1" applyBorder="1" applyAlignment="1">
      <alignment horizontal="left" vertical="center"/>
    </xf>
    <xf numFmtId="0" fontId="53" fillId="0" borderId="33" xfId="0" applyFont="1" applyFill="1" applyBorder="1" applyAlignment="1">
      <alignment horizontal="left" vertical="center" wrapText="1"/>
    </xf>
    <xf numFmtId="0" fontId="20" fillId="7" borderId="5" xfId="0" applyFont="1" applyFill="1" applyBorder="1" applyAlignment="1">
      <alignment horizontal="left" vertical="center" wrapText="1"/>
    </xf>
  </cellXfs>
  <cellStyles count="4">
    <cellStyle name="ハイパーリンク" xfId="3" builtinId="8"/>
    <cellStyle name="標準" xfId="0" builtinId="0"/>
    <cellStyle name="標準 2" xfId="1"/>
    <cellStyle name="標準 3" xfId="2"/>
  </cellStyles>
  <dxfs count="0"/>
  <tableStyles count="0" defaultTableStyle="TableStyleMedium2" defaultPivotStyle="PivotStyleLight16"/>
  <colors>
    <mruColors>
      <color rgb="FFFFD9FF"/>
      <color rgb="FFCC66FF"/>
      <color rgb="FFE6C4F4"/>
      <color rgb="FFCC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s>
</file>

<file path=xl/drawings/drawing1.xml><?xml version="1.0" encoding="utf-8"?>
<xdr:wsDr xmlns:xdr="http://schemas.openxmlformats.org/drawingml/2006/spreadsheetDrawing" xmlns:a="http://schemas.openxmlformats.org/drawingml/2006/main">
  <xdr:twoCellAnchor>
    <xdr:from>
      <xdr:col>1</xdr:col>
      <xdr:colOff>279398</xdr:colOff>
      <xdr:row>11</xdr:row>
      <xdr:rowOff>508000</xdr:rowOff>
    </xdr:from>
    <xdr:to>
      <xdr:col>1</xdr:col>
      <xdr:colOff>1181099</xdr:colOff>
      <xdr:row>12</xdr:row>
      <xdr:rowOff>533400</xdr:rowOff>
    </xdr:to>
    <xdr:sp macro="" textlink="">
      <xdr:nvSpPr>
        <xdr:cNvPr id="2" name="下矢印 1"/>
        <xdr:cNvSpPr/>
      </xdr:nvSpPr>
      <xdr:spPr>
        <a:xfrm>
          <a:off x="412748" y="4508500"/>
          <a:ext cx="901701" cy="577850"/>
        </a:xfrm>
        <a:prstGeom prst="downArrow">
          <a:avLst>
            <a:gd name="adj1" fmla="val 50000"/>
            <a:gd name="adj2" fmla="val 52564"/>
          </a:avLst>
        </a:prstGeom>
        <a:solidFill>
          <a:srgbClr val="00B0F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ouhuku-chiikiiryou@pref.kanagawa.lg.jp" TargetMode="External"/></Relationships>
</file>

<file path=xl/worksheets/_rels/sheet2.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70C0"/>
    <pageSetUpPr fitToPage="1"/>
  </sheetPr>
  <dimension ref="B1:F17"/>
  <sheetViews>
    <sheetView tabSelected="1" zoomScale="50" zoomScaleNormal="50" workbookViewId="0">
      <selection activeCell="F11" sqref="F11"/>
    </sheetView>
  </sheetViews>
  <sheetFormatPr defaultColWidth="9" defaultRowHeight="17.5" x14ac:dyDescent="0.55000000000000004"/>
  <cols>
    <col min="1" max="1" width="1.58203125" style="18" customWidth="1"/>
    <col min="2" max="2" width="17.83203125" style="6" customWidth="1"/>
    <col min="3" max="3" width="20.1640625" style="18" customWidth="1"/>
    <col min="4" max="4" width="85.5" style="18" customWidth="1"/>
    <col min="5" max="5" width="125.33203125" style="18" customWidth="1"/>
    <col min="6" max="16384" width="9" style="18"/>
  </cols>
  <sheetData>
    <row r="1" spans="2:6" ht="3.75" customHeight="1" x14ac:dyDescent="0.55000000000000004"/>
    <row r="2" spans="2:6" s="19" customFormat="1" ht="54" customHeight="1" x14ac:dyDescent="0.55000000000000004">
      <c r="B2" s="171" t="s">
        <v>614</v>
      </c>
      <c r="C2" s="171"/>
      <c r="D2" s="171"/>
      <c r="E2" s="171"/>
      <c r="F2" s="171"/>
    </row>
    <row r="3" spans="2:6" ht="9.75" hidden="1" customHeight="1" x14ac:dyDescent="0.55000000000000004"/>
    <row r="4" spans="2:6" ht="16.75" customHeight="1" thickBot="1" x14ac:dyDescent="0.6"/>
    <row r="5" spans="2:6" ht="46.5" customHeight="1" x14ac:dyDescent="0.55000000000000004">
      <c r="B5" s="172" t="s">
        <v>451</v>
      </c>
      <c r="C5" s="173"/>
      <c r="D5" s="48"/>
      <c r="E5" s="161" t="s">
        <v>460</v>
      </c>
    </row>
    <row r="6" spans="2:6" ht="43.5" customHeight="1" thickBot="1" x14ac:dyDescent="0.6">
      <c r="B6" s="174" t="s">
        <v>452</v>
      </c>
      <c r="C6" s="175"/>
      <c r="D6" s="27"/>
      <c r="E6" s="162" t="s">
        <v>613</v>
      </c>
    </row>
    <row r="7" spans="2:6" ht="46.5" customHeight="1" thickBot="1" x14ac:dyDescent="0.6">
      <c r="B7" s="174" t="s">
        <v>453</v>
      </c>
      <c r="C7" s="175"/>
      <c r="D7" s="27"/>
      <c r="E7" s="206" t="s">
        <v>618</v>
      </c>
    </row>
    <row r="8" spans="2:6" ht="45" customHeight="1" x14ac:dyDescent="0.55000000000000004">
      <c r="B8" s="169" t="s">
        <v>454</v>
      </c>
      <c r="C8" s="170"/>
      <c r="D8" s="27"/>
    </row>
    <row r="9" spans="2:6" ht="45" customHeight="1" x14ac:dyDescent="0.55000000000000004">
      <c r="B9" s="169" t="s">
        <v>466</v>
      </c>
      <c r="C9" s="170"/>
      <c r="D9" s="52"/>
      <c r="E9" s="53" t="s">
        <v>467</v>
      </c>
    </row>
    <row r="10" spans="2:6" ht="44.25" customHeight="1" thickBot="1" x14ac:dyDescent="0.6">
      <c r="B10" s="163" t="s">
        <v>468</v>
      </c>
      <c r="C10" s="164"/>
      <c r="D10" s="28"/>
      <c r="E10" s="47"/>
    </row>
    <row r="11" spans="2:6" ht="13" customHeight="1" x14ac:dyDescent="0.55000000000000004"/>
    <row r="12" spans="2:6" s="51" customFormat="1" ht="49.5" customHeight="1" x14ac:dyDescent="0.55000000000000004">
      <c r="B12" s="49" t="s">
        <v>615</v>
      </c>
      <c r="C12" s="50"/>
    </row>
    <row r="13" spans="2:6" ht="49.5" customHeight="1" thickBot="1" x14ac:dyDescent="0.6"/>
    <row r="14" spans="2:6" s="22" customFormat="1" ht="96.75" customHeight="1" thickBot="1" x14ac:dyDescent="0.6">
      <c r="B14" s="20" t="s">
        <v>455</v>
      </c>
      <c r="C14" s="165" t="s">
        <v>456</v>
      </c>
      <c r="D14" s="166"/>
      <c r="E14" s="21" t="s">
        <v>463</v>
      </c>
    </row>
    <row r="15" spans="2:6" s="24" customFormat="1" ht="154.5" customHeight="1" x14ac:dyDescent="0.55000000000000004">
      <c r="B15" s="23">
        <v>1</v>
      </c>
      <c r="C15" s="200" t="s">
        <v>464</v>
      </c>
      <c r="D15" s="201"/>
      <c r="E15" s="202" t="s">
        <v>616</v>
      </c>
    </row>
    <row r="16" spans="2:6" s="24" customFormat="1" ht="154.5" customHeight="1" thickBot="1" x14ac:dyDescent="0.6">
      <c r="B16" s="25">
        <v>2</v>
      </c>
      <c r="C16" s="203" t="s">
        <v>617</v>
      </c>
      <c r="D16" s="204"/>
      <c r="E16" s="205" t="s">
        <v>465</v>
      </c>
    </row>
    <row r="17" spans="2:5" s="26" customFormat="1" ht="72.75" customHeight="1" x14ac:dyDescent="0.55000000000000004">
      <c r="B17" s="167" t="s">
        <v>601</v>
      </c>
      <c r="C17" s="168"/>
      <c r="D17" s="168"/>
      <c r="E17" s="168"/>
    </row>
  </sheetData>
  <mergeCells count="11">
    <mergeCell ref="B9:C9"/>
    <mergeCell ref="B2:F2"/>
    <mergeCell ref="B5:C5"/>
    <mergeCell ref="B6:C6"/>
    <mergeCell ref="B7:C7"/>
    <mergeCell ref="B8:C8"/>
    <mergeCell ref="B10:C10"/>
    <mergeCell ref="C14:D14"/>
    <mergeCell ref="C15:D15"/>
    <mergeCell ref="C16:D16"/>
    <mergeCell ref="B17:E17"/>
  </mergeCells>
  <phoneticPr fontId="1"/>
  <hyperlinks>
    <hyperlink ref="E6" r:id="rId1"/>
  </hyperlinks>
  <pageMargins left="0.70866141732283472" right="0.70866141732283472" top="1.1417322834645669" bottom="0.74803149606299213" header="0.70866141732283472" footer="0.31496062992125984"/>
  <pageSetup paperSize="9" scale="46" fitToHeight="0" orientation="landscape" r:id="rId2"/>
  <headerFooter>
    <oddHeader>&amp;R&amp;14神奈川県医療課作成</oddHeader>
  </headerFooter>
  <drawing r:id="rId3"/>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0000"/>
  </sheetPr>
  <dimension ref="A1:AJ14"/>
  <sheetViews>
    <sheetView view="pageBreakPreview" topLeftCell="AI1" zoomScale="55" zoomScaleNormal="50" zoomScaleSheetLayoutView="55" workbookViewId="0">
      <selection activeCell="AO5" sqref="AO5"/>
    </sheetView>
  </sheetViews>
  <sheetFormatPr defaultRowHeight="18" x14ac:dyDescent="0.55000000000000004"/>
  <cols>
    <col min="1" max="1" width="15.58203125" style="68" customWidth="1"/>
    <col min="2" max="2" width="36.83203125" customWidth="1"/>
    <col min="3" max="3" width="35.33203125" customWidth="1"/>
    <col min="4" max="4" width="32.4140625" customWidth="1"/>
    <col min="5" max="5" width="38.83203125" customWidth="1"/>
    <col min="6" max="6" width="19.1640625" customWidth="1"/>
    <col min="7" max="7" width="48.08203125" customWidth="1"/>
    <col min="8" max="8" width="49.1640625" customWidth="1"/>
    <col min="9" max="9" width="18.6640625" customWidth="1"/>
    <col min="10" max="10" width="20.08203125" customWidth="1"/>
    <col min="11" max="11" width="42.83203125" customWidth="1"/>
    <col min="12" max="12" width="47.6640625" customWidth="1"/>
    <col min="13" max="13" width="26.83203125" customWidth="1"/>
    <col min="14" max="14" width="32" customWidth="1"/>
    <col min="15" max="15" width="15.83203125" bestFit="1" customWidth="1"/>
    <col min="16" max="16" width="22.9140625" customWidth="1"/>
    <col min="17" max="17" width="18" customWidth="1"/>
    <col min="18" max="18" width="27.1640625" customWidth="1"/>
    <col min="19" max="19" width="8.83203125" customWidth="1"/>
    <col min="20" max="20" width="8.33203125" customWidth="1"/>
    <col min="21" max="21" width="27.58203125" customWidth="1"/>
    <col min="22" max="22" width="35" customWidth="1"/>
    <col min="23" max="23" width="30.58203125" customWidth="1"/>
    <col min="24" max="24" width="35.4140625" customWidth="1"/>
    <col min="25" max="25" width="33.9140625" customWidth="1"/>
    <col min="26" max="26" width="55.33203125" customWidth="1"/>
    <col min="27" max="27" width="38.9140625" customWidth="1"/>
    <col min="28" max="29" width="43.83203125" customWidth="1"/>
    <col min="30" max="30" width="43" customWidth="1"/>
    <col min="31" max="31" width="34" customWidth="1"/>
    <col min="32" max="32" width="49.83203125" customWidth="1"/>
    <col min="33" max="33" width="38.6640625" customWidth="1"/>
    <col min="34" max="34" width="31.58203125" customWidth="1"/>
    <col min="35" max="35" width="46" customWidth="1"/>
    <col min="36" max="36" width="49.4140625" customWidth="1"/>
  </cols>
  <sheetData>
    <row r="1" spans="1:36" ht="7.5" customHeight="1" x14ac:dyDescent="0.55000000000000004"/>
    <row r="2" spans="1:36" s="5" customFormat="1" ht="68.400000000000006" customHeight="1" x14ac:dyDescent="0.55000000000000004">
      <c r="A2" s="69"/>
      <c r="B2" s="86" t="s">
        <v>610</v>
      </c>
    </row>
    <row r="3" spans="1:36" s="67" customFormat="1" ht="39" customHeight="1" thickBot="1" x14ac:dyDescent="0.6">
      <c r="A3" s="73"/>
      <c r="B3" s="89" t="s">
        <v>572</v>
      </c>
      <c r="C3" s="89"/>
      <c r="D3" s="89"/>
      <c r="E3" s="89"/>
      <c r="F3" s="89"/>
      <c r="G3" s="89"/>
      <c r="H3" s="89"/>
      <c r="I3" s="89"/>
      <c r="J3" s="89"/>
      <c r="K3" s="89"/>
      <c r="L3" s="89"/>
      <c r="M3" s="89"/>
      <c r="N3" s="89"/>
      <c r="O3" s="89"/>
      <c r="P3" s="89"/>
      <c r="Q3" s="89"/>
      <c r="R3" s="89"/>
      <c r="S3" s="89"/>
      <c r="T3" s="89"/>
      <c r="U3" s="176" t="s">
        <v>565</v>
      </c>
      <c r="V3" s="176"/>
      <c r="W3" s="187" t="s">
        <v>566</v>
      </c>
      <c r="X3" s="187"/>
      <c r="Y3" s="188" t="s">
        <v>567</v>
      </c>
      <c r="Z3" s="188"/>
      <c r="AA3" s="188"/>
      <c r="AB3" s="188"/>
      <c r="AC3" s="188"/>
      <c r="AD3" s="188"/>
      <c r="AE3" s="189" t="s">
        <v>570</v>
      </c>
      <c r="AF3" s="190"/>
      <c r="AG3" s="190"/>
      <c r="AH3" s="176" t="s">
        <v>571</v>
      </c>
      <c r="AI3" s="176"/>
      <c r="AJ3" s="88" t="s">
        <v>558</v>
      </c>
    </row>
    <row r="4" spans="1:36" s="134" customFormat="1" ht="32.4" customHeight="1" thickBot="1" x14ac:dyDescent="0.6">
      <c r="A4" s="115" t="s">
        <v>540</v>
      </c>
      <c r="B4" s="116">
        <v>1</v>
      </c>
      <c r="C4" s="116">
        <v>2</v>
      </c>
      <c r="D4" s="117">
        <v>3</v>
      </c>
      <c r="E4" s="116">
        <v>4</v>
      </c>
      <c r="F4" s="116">
        <v>5</v>
      </c>
      <c r="G4" s="118">
        <v>6</v>
      </c>
      <c r="H4" s="116">
        <v>7</v>
      </c>
      <c r="I4" s="118">
        <v>8</v>
      </c>
      <c r="J4" s="116">
        <v>9</v>
      </c>
      <c r="K4" s="119">
        <v>10</v>
      </c>
      <c r="L4" s="120">
        <v>11</v>
      </c>
      <c r="M4" s="117">
        <v>12</v>
      </c>
      <c r="N4" s="183">
        <v>13</v>
      </c>
      <c r="O4" s="184"/>
      <c r="P4" s="116">
        <v>14</v>
      </c>
      <c r="Q4" s="177">
        <v>15</v>
      </c>
      <c r="R4" s="178"/>
      <c r="S4" s="178"/>
      <c r="T4" s="179"/>
      <c r="U4" s="121">
        <v>16</v>
      </c>
      <c r="V4" s="122">
        <v>17</v>
      </c>
      <c r="W4" s="123">
        <v>18</v>
      </c>
      <c r="X4" s="124">
        <v>19</v>
      </c>
      <c r="Y4" s="125">
        <v>20</v>
      </c>
      <c r="Z4" s="126">
        <v>21</v>
      </c>
      <c r="AA4" s="127">
        <v>22</v>
      </c>
      <c r="AB4" s="128">
        <v>3</v>
      </c>
      <c r="AC4" s="127">
        <v>24</v>
      </c>
      <c r="AD4" s="128">
        <v>23</v>
      </c>
      <c r="AE4" s="129">
        <v>24</v>
      </c>
      <c r="AF4" s="130">
        <v>25</v>
      </c>
      <c r="AG4" s="131">
        <v>26</v>
      </c>
      <c r="AH4" s="132">
        <v>27</v>
      </c>
      <c r="AI4" s="122">
        <v>28</v>
      </c>
      <c r="AJ4" s="133">
        <v>29</v>
      </c>
    </row>
    <row r="5" spans="1:36" s="82" customFormat="1" ht="187.25" customHeight="1" thickBot="1" x14ac:dyDescent="0.6">
      <c r="A5" s="90" t="s">
        <v>539</v>
      </c>
      <c r="B5" s="99"/>
      <c r="C5" s="100" t="s">
        <v>543</v>
      </c>
      <c r="D5" s="101" t="s">
        <v>599</v>
      </c>
      <c r="E5" s="99"/>
      <c r="F5" s="99"/>
      <c r="G5" s="102"/>
      <c r="H5" s="103" t="s">
        <v>544</v>
      </c>
      <c r="I5" s="102"/>
      <c r="J5" s="99"/>
      <c r="K5" s="104"/>
      <c r="L5" s="105" t="s">
        <v>545</v>
      </c>
      <c r="M5" s="101"/>
      <c r="N5" s="185"/>
      <c r="O5" s="186"/>
      <c r="P5" s="106" t="s">
        <v>600</v>
      </c>
      <c r="Q5" s="180" t="s">
        <v>547</v>
      </c>
      <c r="R5" s="181"/>
      <c r="S5" s="181"/>
      <c r="T5" s="182"/>
      <c r="U5" s="74" t="s">
        <v>605</v>
      </c>
      <c r="V5" s="75" t="s">
        <v>575</v>
      </c>
      <c r="W5" s="76" t="s">
        <v>604</v>
      </c>
      <c r="X5" s="77" t="s">
        <v>603</v>
      </c>
      <c r="Y5" s="78" t="s">
        <v>602</v>
      </c>
      <c r="Z5" s="79" t="s">
        <v>576</v>
      </c>
      <c r="AA5" s="80" t="s">
        <v>574</v>
      </c>
      <c r="AB5" s="81" t="s">
        <v>573</v>
      </c>
      <c r="AC5" s="80" t="s">
        <v>568</v>
      </c>
      <c r="AD5" s="81" t="s">
        <v>569</v>
      </c>
      <c r="AE5" s="83" t="s">
        <v>606</v>
      </c>
      <c r="AF5" s="84" t="s">
        <v>579</v>
      </c>
      <c r="AG5" s="85" t="s">
        <v>580</v>
      </c>
      <c r="AH5" s="87" t="s">
        <v>607</v>
      </c>
      <c r="AI5" s="75" t="s">
        <v>581</v>
      </c>
      <c r="AJ5" s="91" t="s">
        <v>608</v>
      </c>
    </row>
    <row r="6" spans="1:36" s="160" customFormat="1" ht="60" customHeight="1" thickBot="1" x14ac:dyDescent="0.6">
      <c r="A6" s="135" t="s">
        <v>541</v>
      </c>
      <c r="B6" s="136" t="s">
        <v>384</v>
      </c>
      <c r="C6" s="137" t="s">
        <v>611</v>
      </c>
      <c r="D6" s="138" t="s">
        <v>421</v>
      </c>
      <c r="E6" s="139" t="s">
        <v>415</v>
      </c>
      <c r="F6" s="139" t="s">
        <v>559</v>
      </c>
      <c r="G6" s="140" t="s">
        <v>0</v>
      </c>
      <c r="H6" s="139" t="s">
        <v>612</v>
      </c>
      <c r="I6" s="140" t="s">
        <v>560</v>
      </c>
      <c r="J6" s="136" t="s">
        <v>561</v>
      </c>
      <c r="K6" s="141" t="s">
        <v>562</v>
      </c>
      <c r="L6" s="142" t="s">
        <v>563</v>
      </c>
      <c r="M6" s="138" t="s">
        <v>564</v>
      </c>
      <c r="N6" s="142" t="s">
        <v>419</v>
      </c>
      <c r="O6" s="143" t="s">
        <v>1</v>
      </c>
      <c r="P6" s="136" t="s">
        <v>584</v>
      </c>
      <c r="Q6" s="144" t="s">
        <v>462</v>
      </c>
      <c r="R6" s="145" t="s">
        <v>397</v>
      </c>
      <c r="S6" s="145" t="s">
        <v>398</v>
      </c>
      <c r="T6" s="143" t="s">
        <v>409</v>
      </c>
      <c r="U6" s="146" t="s">
        <v>535</v>
      </c>
      <c r="V6" s="147" t="s">
        <v>408</v>
      </c>
      <c r="W6" s="148" t="s">
        <v>537</v>
      </c>
      <c r="X6" s="149" t="s">
        <v>408</v>
      </c>
      <c r="Y6" s="150" t="s">
        <v>548</v>
      </c>
      <c r="Z6" s="151" t="s">
        <v>577</v>
      </c>
      <c r="AA6" s="152" t="s">
        <v>549</v>
      </c>
      <c r="AB6" s="153" t="s">
        <v>551</v>
      </c>
      <c r="AC6" s="152" t="s">
        <v>552</v>
      </c>
      <c r="AD6" s="153" t="s">
        <v>583</v>
      </c>
      <c r="AE6" s="154" t="s">
        <v>582</v>
      </c>
      <c r="AF6" s="155" t="s">
        <v>408</v>
      </c>
      <c r="AG6" s="156" t="s">
        <v>555</v>
      </c>
      <c r="AH6" s="157" t="s">
        <v>557</v>
      </c>
      <c r="AI6" s="158" t="s">
        <v>408</v>
      </c>
      <c r="AJ6" s="159" t="s">
        <v>558</v>
      </c>
    </row>
    <row r="7" spans="1:36" s="43" customFormat="1" ht="285" customHeight="1" thickBot="1" x14ac:dyDescent="0.6">
      <c r="A7" s="107" t="s">
        <v>542</v>
      </c>
      <c r="B7" s="29"/>
      <c r="C7" s="30"/>
      <c r="D7" s="31"/>
      <c r="E7" s="32"/>
      <c r="F7" s="33"/>
      <c r="G7" s="30"/>
      <c r="H7" s="33"/>
      <c r="I7" s="30"/>
      <c r="J7" s="33"/>
      <c r="K7" s="34"/>
      <c r="L7" s="35" t="s">
        <v>546</v>
      </c>
      <c r="M7" s="36"/>
      <c r="N7" s="35"/>
      <c r="O7" s="37"/>
      <c r="P7" s="39"/>
      <c r="Q7" s="38"/>
      <c r="R7" s="39"/>
      <c r="S7" s="39"/>
      <c r="T7" s="40"/>
      <c r="U7" s="41"/>
      <c r="V7" s="37" t="s">
        <v>554</v>
      </c>
      <c r="W7" s="41"/>
      <c r="X7" s="37" t="s">
        <v>578</v>
      </c>
      <c r="Y7" s="41"/>
      <c r="Z7" s="71" t="s">
        <v>553</v>
      </c>
      <c r="AA7" s="72" t="s">
        <v>550</v>
      </c>
      <c r="AB7" s="30" t="s">
        <v>586</v>
      </c>
      <c r="AC7" s="72"/>
      <c r="AD7" s="30"/>
      <c r="AE7" s="41"/>
      <c r="AF7" s="71" t="s">
        <v>554</v>
      </c>
      <c r="AG7" s="37" t="s">
        <v>556</v>
      </c>
      <c r="AH7" s="42"/>
      <c r="AI7" s="37" t="s">
        <v>554</v>
      </c>
      <c r="AJ7" s="33"/>
    </row>
    <row r="8" spans="1:36" ht="33.75" customHeight="1" thickBot="1" x14ac:dyDescent="0.6">
      <c r="A8" s="70"/>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row>
    <row r="9" spans="1:36" s="4" customFormat="1" ht="197.4" customHeight="1" thickTop="1" thickBot="1" x14ac:dyDescent="0.6">
      <c r="A9" s="108" t="s">
        <v>412</v>
      </c>
      <c r="B9" s="109" t="s">
        <v>401</v>
      </c>
      <c r="C9" s="110" t="s">
        <v>402</v>
      </c>
      <c r="D9" s="111" t="s">
        <v>418</v>
      </c>
      <c r="E9" s="111" t="s">
        <v>417</v>
      </c>
      <c r="F9" s="109" t="s">
        <v>403</v>
      </c>
      <c r="G9" s="112" t="s">
        <v>458</v>
      </c>
      <c r="H9" s="113" t="s">
        <v>457</v>
      </c>
      <c r="I9" s="114" t="s">
        <v>404</v>
      </c>
      <c r="J9" s="92" t="s">
        <v>609</v>
      </c>
      <c r="K9" s="93" t="s">
        <v>459</v>
      </c>
      <c r="L9" s="92" t="s">
        <v>590</v>
      </c>
      <c r="M9" s="93" t="s">
        <v>413</v>
      </c>
      <c r="N9" s="94" t="s">
        <v>420</v>
      </c>
      <c r="O9" s="95"/>
      <c r="P9" s="95" t="s">
        <v>414</v>
      </c>
      <c r="Q9" s="96" t="s">
        <v>399</v>
      </c>
      <c r="R9" s="95" t="s">
        <v>410</v>
      </c>
      <c r="S9" s="95" t="s">
        <v>410</v>
      </c>
      <c r="T9" s="95" t="s">
        <v>410</v>
      </c>
      <c r="U9" s="95" t="s">
        <v>410</v>
      </c>
      <c r="V9" s="96" t="s">
        <v>585</v>
      </c>
      <c r="W9" s="95" t="s">
        <v>411</v>
      </c>
      <c r="X9" s="95"/>
      <c r="Y9" s="95" t="s">
        <v>538</v>
      </c>
      <c r="Z9" s="96" t="s">
        <v>596</v>
      </c>
      <c r="AA9" s="96" t="s">
        <v>588</v>
      </c>
      <c r="AB9" s="96" t="s">
        <v>587</v>
      </c>
      <c r="AC9" s="95" t="s">
        <v>589</v>
      </c>
      <c r="AD9" s="95" t="s">
        <v>589</v>
      </c>
      <c r="AE9" s="95" t="s">
        <v>410</v>
      </c>
      <c r="AF9" s="96" t="s">
        <v>595</v>
      </c>
      <c r="AG9" s="96" t="s">
        <v>591</v>
      </c>
      <c r="AH9" s="95" t="s">
        <v>597</v>
      </c>
      <c r="AI9" s="97"/>
      <c r="AJ9" s="98" t="s">
        <v>598</v>
      </c>
    </row>
    <row r="10" spans="1:36" ht="17.25" customHeight="1" thickTop="1" x14ac:dyDescent="0.55000000000000004">
      <c r="A10" s="70"/>
      <c r="B10" s="3"/>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c r="AJ10" s="3"/>
    </row>
    <row r="11" spans="1:36" ht="67.5" hidden="1" customHeight="1" x14ac:dyDescent="0.55000000000000004">
      <c r="A11" s="70"/>
      <c r="B11" s="3"/>
      <c r="C11" s="3"/>
      <c r="D11" s="3"/>
      <c r="E11" s="3"/>
      <c r="F11" s="3"/>
      <c r="G11" s="3"/>
      <c r="H11" s="3"/>
      <c r="I11" s="3"/>
      <c r="J11" s="3"/>
      <c r="K11" s="3"/>
      <c r="L11" s="3"/>
      <c r="M11" s="3"/>
      <c r="N11" s="3"/>
      <c r="O11" s="3"/>
      <c r="P11" s="3"/>
      <c r="Q11" s="3"/>
      <c r="R11" s="3"/>
      <c r="S11" s="3"/>
      <c r="T11" s="3"/>
      <c r="U11" s="3"/>
      <c r="V11" s="3"/>
      <c r="W11" s="3"/>
      <c r="X11" s="3"/>
      <c r="Y11" s="3"/>
      <c r="Z11" s="3"/>
      <c r="AA11" s="3"/>
      <c r="AB11" s="3"/>
      <c r="AC11" s="3"/>
      <c r="AD11" s="3"/>
      <c r="AE11" s="3"/>
      <c r="AF11" s="3"/>
      <c r="AG11" s="3"/>
      <c r="AH11" s="3"/>
      <c r="AI11" s="3"/>
      <c r="AJ11" s="3"/>
    </row>
    <row r="12" spans="1:36" ht="85" hidden="1" customHeight="1" x14ac:dyDescent="0.55000000000000004">
      <c r="A12" s="70"/>
      <c r="B12" s="3"/>
      <c r="C12" s="3"/>
      <c r="D12" s="3"/>
      <c r="E12" s="3"/>
      <c r="F12" s="3"/>
      <c r="G12" s="3"/>
      <c r="H12" s="3"/>
      <c r="I12" s="3"/>
      <c r="J12" s="3"/>
      <c r="K12" s="3"/>
      <c r="L12" s="3"/>
      <c r="M12" s="3"/>
      <c r="N12" s="3"/>
      <c r="O12" s="3"/>
      <c r="P12" s="3"/>
      <c r="Q12" s="3"/>
      <c r="R12" s="3"/>
      <c r="S12" s="3"/>
      <c r="T12" s="3"/>
      <c r="U12" s="3"/>
      <c r="V12" s="3"/>
      <c r="W12" s="3"/>
      <c r="X12" s="3"/>
      <c r="Y12" s="3"/>
      <c r="Z12" s="3"/>
      <c r="AA12" s="3"/>
      <c r="AB12" s="3"/>
      <c r="AC12" s="3"/>
      <c r="AD12" s="3"/>
      <c r="AE12" s="3"/>
      <c r="AF12" s="3"/>
      <c r="AG12" s="3"/>
      <c r="AH12" s="3"/>
      <c r="AI12" s="3"/>
      <c r="AJ12" s="3"/>
    </row>
    <row r="13" spans="1:36" ht="85" customHeight="1" x14ac:dyDescent="0.55000000000000004">
      <c r="A13" s="70"/>
      <c r="B13" s="3"/>
      <c r="C13" s="3"/>
      <c r="D13" s="3"/>
      <c r="E13" s="3"/>
      <c r="F13" s="3"/>
      <c r="G13" s="3"/>
      <c r="H13" s="3"/>
      <c r="I13" s="3"/>
      <c r="J13" s="3"/>
      <c r="K13" s="3"/>
      <c r="L13" s="3"/>
      <c r="M13" s="3"/>
      <c r="N13" s="3"/>
      <c r="O13" s="3"/>
      <c r="P13" s="3"/>
      <c r="Q13" s="3"/>
      <c r="R13" s="3"/>
      <c r="S13" s="3"/>
      <c r="T13" s="3"/>
      <c r="U13" s="3"/>
      <c r="V13" s="3"/>
      <c r="W13" s="3"/>
      <c r="X13" s="3"/>
      <c r="Y13" s="3"/>
      <c r="Z13" s="3"/>
      <c r="AA13" s="3"/>
      <c r="AB13" s="3"/>
      <c r="AC13" s="3"/>
      <c r="AD13" s="3"/>
      <c r="AE13" s="3"/>
      <c r="AF13" s="3"/>
      <c r="AG13" s="3"/>
      <c r="AH13" s="3"/>
      <c r="AI13" s="3"/>
      <c r="AJ13" s="3"/>
    </row>
    <row r="14" spans="1:36" ht="86.25" customHeight="1" x14ac:dyDescent="0.55000000000000004">
      <c r="A14" s="70"/>
      <c r="B14" s="3"/>
      <c r="C14" s="3"/>
      <c r="D14" s="3"/>
      <c r="E14" s="3"/>
      <c r="F14" s="3"/>
      <c r="G14" s="3"/>
      <c r="H14" s="3"/>
      <c r="I14" s="3"/>
      <c r="J14" s="3"/>
      <c r="K14" s="3"/>
      <c r="L14" s="3"/>
      <c r="M14" s="3"/>
      <c r="N14" s="3"/>
      <c r="O14" s="3"/>
      <c r="P14" s="3"/>
      <c r="Q14" s="3"/>
      <c r="R14" s="3"/>
      <c r="S14" s="3"/>
      <c r="T14" s="3"/>
      <c r="U14" s="3"/>
      <c r="V14" s="3"/>
      <c r="W14" s="3"/>
      <c r="X14" s="3"/>
      <c r="Y14" s="3"/>
      <c r="Z14" s="3"/>
      <c r="AA14" s="3"/>
      <c r="AB14" s="3"/>
      <c r="AC14" s="3"/>
      <c r="AD14" s="3"/>
      <c r="AE14" s="3"/>
      <c r="AF14" s="3"/>
      <c r="AG14" s="3"/>
      <c r="AH14" s="3"/>
      <c r="AI14" s="3"/>
      <c r="AJ14" s="3"/>
    </row>
  </sheetData>
  <dataConsolidate/>
  <mergeCells count="9">
    <mergeCell ref="AH3:AI3"/>
    <mergeCell ref="Q4:T4"/>
    <mergeCell ref="Q5:T5"/>
    <mergeCell ref="N4:O4"/>
    <mergeCell ref="N5:O5"/>
    <mergeCell ref="U3:V3"/>
    <mergeCell ref="W3:X3"/>
    <mergeCell ref="Y3:AD3"/>
    <mergeCell ref="AE3:AG3"/>
  </mergeCells>
  <phoneticPr fontId="1"/>
  <dataValidations count="1">
    <dataValidation type="list" allowBlank="1" showInputMessage="1" showErrorMessage="1" sqref="AC7:AD7">
      <formula1>"要,不要"</formula1>
    </dataValidation>
  </dataValidations>
  <printOptions horizontalCentered="1"/>
  <pageMargins left="0.23622047244094491" right="0.23622047244094491" top="0.74803149606299213" bottom="0.74803149606299213" header="0.31496062992125984" footer="0.31496062992125984"/>
  <pageSetup paperSize="9" scale="45" orientation="landscape" r:id="rId1"/>
  <headerFooter>
    <oddHeader>&amp;R&amp;14神奈川県医療課作成</oddHeader>
  </headerFooter>
  <rowBreaks count="1" manualBreakCount="1">
    <brk id="9" max="35" man="1"/>
  </rowBreaks>
  <colBreaks count="4" manualBreakCount="4">
    <brk id="8" min="1" max="8" man="1"/>
    <brk id="20" min="1" max="8" man="1"/>
    <brk id="27" min="1" max="8" man="1"/>
    <brk id="33" min="1" max="8" man="1"/>
  </colBreaks>
  <legacyDrawing r:id="rId2"/>
  <extLst>
    <ext xmlns:x14="http://schemas.microsoft.com/office/spreadsheetml/2009/9/main" uri="{CCE6A557-97BC-4b89-ADB6-D9C93CAAB3DF}">
      <x14:dataValidations xmlns:xm="http://schemas.microsoft.com/office/excel/2006/main" count="2">
        <x14:dataValidation type="list" allowBlank="1" showInputMessage="1" showErrorMessage="1">
          <x14:formula1>
            <xm:f>コード!$A$25:$A$26</xm:f>
          </x14:formula1>
          <xm:sqref>Y10:Y14 AE10:AE14 AH10:AH14 R10:U14 R7:U8 AH7:AH8 AE7:AE8 Y7:Y8 W7:W8 W10:W14 P7</xm:sqref>
        </x14:dataValidation>
        <x14:dataValidation type="list" allowBlank="1" showInputMessage="1" showErrorMessage="1">
          <x14:formula1>
            <xm:f>コード!$D$25:$D$26</xm:f>
          </x14:formula1>
          <xm:sqref>Q7:Q8 Q10:Q14</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E28"/>
  <sheetViews>
    <sheetView workbookViewId="0">
      <pane xSplit="2" ySplit="2" topLeftCell="C15" activePane="bottomRight" state="frozen"/>
      <selection pane="topRight" activeCell="C1" sqref="C1"/>
      <selection pane="bottomLeft" activeCell="A3" sqref="A3"/>
      <selection pane="bottomRight" activeCell="C36" sqref="C36"/>
    </sheetView>
  </sheetViews>
  <sheetFormatPr defaultColWidth="9" defaultRowHeight="17.5" x14ac:dyDescent="0.55000000000000004"/>
  <cols>
    <col min="1" max="1" width="2.08203125" style="1" customWidth="1"/>
    <col min="2" max="2" width="6.08203125" style="6" customWidth="1"/>
    <col min="3" max="3" width="38.6640625" style="1" customWidth="1"/>
    <col min="4" max="4" width="7.08203125" style="1" customWidth="1"/>
    <col min="5" max="16384" width="9" style="1"/>
  </cols>
  <sheetData>
    <row r="1" spans="2:5" ht="26.25" customHeight="1" thickBot="1" x14ac:dyDescent="0.6">
      <c r="B1" s="193" t="s">
        <v>450</v>
      </c>
      <c r="C1" s="193"/>
      <c r="D1" s="193"/>
    </row>
    <row r="2" spans="2:5" ht="23.25" customHeight="1" thickBot="1" x14ac:dyDescent="0.6">
      <c r="B2" s="15" t="s">
        <v>448</v>
      </c>
      <c r="C2" s="16" t="s">
        <v>421</v>
      </c>
      <c r="D2" s="17" t="s">
        <v>425</v>
      </c>
      <c r="E2" s="6"/>
    </row>
    <row r="3" spans="2:5" ht="23.25" customHeight="1" x14ac:dyDescent="0.55000000000000004">
      <c r="B3" s="13">
        <v>1</v>
      </c>
      <c r="C3" s="14" t="s">
        <v>422</v>
      </c>
      <c r="D3" s="191" t="s">
        <v>423</v>
      </c>
    </row>
    <row r="4" spans="2:5" x14ac:dyDescent="0.55000000000000004">
      <c r="B4" s="8">
        <v>2</v>
      </c>
      <c r="C4" s="7" t="s">
        <v>424</v>
      </c>
      <c r="D4" s="192"/>
    </row>
    <row r="5" spans="2:5" x14ac:dyDescent="0.55000000000000004">
      <c r="B5" s="8">
        <v>3</v>
      </c>
      <c r="C5" s="7" t="s">
        <v>426</v>
      </c>
      <c r="D5" s="192"/>
    </row>
    <row r="6" spans="2:5" x14ac:dyDescent="0.55000000000000004">
      <c r="B6" s="8">
        <v>4</v>
      </c>
      <c r="C6" s="7" t="s">
        <v>427</v>
      </c>
      <c r="D6" s="192"/>
    </row>
    <row r="7" spans="2:5" x14ac:dyDescent="0.55000000000000004">
      <c r="B7" s="8">
        <v>5</v>
      </c>
      <c r="C7" s="7" t="s">
        <v>428</v>
      </c>
      <c r="D7" s="192"/>
    </row>
    <row r="8" spans="2:5" x14ac:dyDescent="0.55000000000000004">
      <c r="B8" s="8">
        <v>6</v>
      </c>
      <c r="C8" s="7" t="s">
        <v>429</v>
      </c>
      <c r="D8" s="192"/>
    </row>
    <row r="9" spans="2:5" x14ac:dyDescent="0.55000000000000004">
      <c r="B9" s="8">
        <v>7</v>
      </c>
      <c r="C9" s="7" t="s">
        <v>430</v>
      </c>
      <c r="D9" s="192"/>
    </row>
    <row r="10" spans="2:5" x14ac:dyDescent="0.55000000000000004">
      <c r="B10" s="8">
        <v>8</v>
      </c>
      <c r="C10" s="7" t="s">
        <v>431</v>
      </c>
      <c r="D10" s="9" t="s">
        <v>449</v>
      </c>
    </row>
    <row r="11" spans="2:5" x14ac:dyDescent="0.55000000000000004">
      <c r="B11" s="8">
        <v>9</v>
      </c>
      <c r="C11" s="7" t="s">
        <v>432</v>
      </c>
      <c r="D11" s="9" t="s">
        <v>449</v>
      </c>
    </row>
    <row r="12" spans="2:5" x14ac:dyDescent="0.55000000000000004">
      <c r="B12" s="8">
        <v>10</v>
      </c>
      <c r="C12" s="7" t="s">
        <v>433</v>
      </c>
      <c r="D12" s="9" t="s">
        <v>449</v>
      </c>
    </row>
    <row r="13" spans="2:5" x14ac:dyDescent="0.55000000000000004">
      <c r="B13" s="8">
        <v>11</v>
      </c>
      <c r="C13" s="7" t="s">
        <v>434</v>
      </c>
      <c r="D13" s="9" t="s">
        <v>449</v>
      </c>
    </row>
    <row r="14" spans="2:5" x14ac:dyDescent="0.55000000000000004">
      <c r="B14" s="8">
        <v>12</v>
      </c>
      <c r="C14" s="7" t="s">
        <v>435</v>
      </c>
      <c r="D14" s="9" t="s">
        <v>449</v>
      </c>
    </row>
    <row r="15" spans="2:5" x14ac:dyDescent="0.55000000000000004">
      <c r="B15" s="8">
        <v>13</v>
      </c>
      <c r="C15" s="7" t="s">
        <v>436</v>
      </c>
      <c r="D15" s="9" t="s">
        <v>449</v>
      </c>
    </row>
    <row r="16" spans="2:5" x14ac:dyDescent="0.55000000000000004">
      <c r="B16" s="8">
        <v>14</v>
      </c>
      <c r="C16" s="7" t="s">
        <v>437</v>
      </c>
      <c r="D16" s="9" t="s">
        <v>449</v>
      </c>
    </row>
    <row r="17" spans="2:4" x14ac:dyDescent="0.55000000000000004">
      <c r="B17" s="8">
        <v>15</v>
      </c>
      <c r="C17" s="7" t="s">
        <v>438</v>
      </c>
      <c r="D17" s="9" t="s">
        <v>449</v>
      </c>
    </row>
    <row r="18" spans="2:4" x14ac:dyDescent="0.55000000000000004">
      <c r="B18" s="8">
        <v>16</v>
      </c>
      <c r="C18" s="7" t="s">
        <v>439</v>
      </c>
      <c r="D18" s="9" t="s">
        <v>449</v>
      </c>
    </row>
    <row r="19" spans="2:4" x14ac:dyDescent="0.55000000000000004">
      <c r="B19" s="8">
        <v>17</v>
      </c>
      <c r="C19" s="7" t="s">
        <v>440</v>
      </c>
      <c r="D19" s="9" t="s">
        <v>449</v>
      </c>
    </row>
    <row r="20" spans="2:4" x14ac:dyDescent="0.55000000000000004">
      <c r="B20" s="8">
        <v>18</v>
      </c>
      <c r="C20" s="7" t="s">
        <v>441</v>
      </c>
      <c r="D20" s="9" t="s">
        <v>449</v>
      </c>
    </row>
    <row r="21" spans="2:4" x14ac:dyDescent="0.55000000000000004">
      <c r="B21" s="8">
        <v>19</v>
      </c>
      <c r="C21" s="7" t="s">
        <v>442</v>
      </c>
      <c r="D21" s="9" t="s">
        <v>449</v>
      </c>
    </row>
    <row r="22" spans="2:4" x14ac:dyDescent="0.55000000000000004">
      <c r="B22" s="8">
        <v>20</v>
      </c>
      <c r="C22" s="7" t="s">
        <v>416</v>
      </c>
      <c r="D22" s="9" t="s">
        <v>449</v>
      </c>
    </row>
    <row r="23" spans="2:4" x14ac:dyDescent="0.55000000000000004">
      <c r="B23" s="8">
        <v>21</v>
      </c>
      <c r="C23" s="7" t="s">
        <v>443</v>
      </c>
      <c r="D23" s="9" t="s">
        <v>449</v>
      </c>
    </row>
    <row r="24" spans="2:4" x14ac:dyDescent="0.55000000000000004">
      <c r="B24" s="8">
        <v>22</v>
      </c>
      <c r="C24" s="7" t="s">
        <v>444</v>
      </c>
      <c r="D24" s="9" t="s">
        <v>449</v>
      </c>
    </row>
    <row r="25" spans="2:4" x14ac:dyDescent="0.55000000000000004">
      <c r="B25" s="8">
        <v>23</v>
      </c>
      <c r="C25" s="7" t="s">
        <v>445</v>
      </c>
      <c r="D25" s="9" t="s">
        <v>449</v>
      </c>
    </row>
    <row r="26" spans="2:4" x14ac:dyDescent="0.55000000000000004">
      <c r="B26" s="8">
        <v>24</v>
      </c>
      <c r="C26" s="7" t="s">
        <v>446</v>
      </c>
      <c r="D26" s="9" t="s">
        <v>449</v>
      </c>
    </row>
    <row r="27" spans="2:4" x14ac:dyDescent="0.55000000000000004">
      <c r="B27" s="44">
        <v>25</v>
      </c>
      <c r="C27" s="45" t="s">
        <v>447</v>
      </c>
      <c r="D27" s="46" t="s">
        <v>449</v>
      </c>
    </row>
    <row r="28" spans="2:4" ht="18" thickBot="1" x14ac:dyDescent="0.6">
      <c r="B28" s="10">
        <v>26</v>
      </c>
      <c r="C28" s="11" t="s">
        <v>461</v>
      </c>
      <c r="D28" s="12" t="s">
        <v>449</v>
      </c>
    </row>
  </sheetData>
  <mergeCells count="2">
    <mergeCell ref="D3:D9"/>
    <mergeCell ref="B1:D1"/>
  </mergeCells>
  <phoneticPr fontId="1"/>
  <printOptions horizontalCentered="1"/>
  <pageMargins left="0.70866141732283472" right="0.70866141732283472" top="0.94488188976377963" bottom="0.74803149606299213" header="0.31496062992125984" footer="0.31496062992125984"/>
  <pageSetup paperSize="9" scale="12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29"/>
  <sheetViews>
    <sheetView zoomScaleNormal="100" workbookViewId="0">
      <selection activeCell="F7" sqref="F7"/>
    </sheetView>
  </sheetViews>
  <sheetFormatPr defaultRowHeight="18" x14ac:dyDescent="0.55000000000000004"/>
  <cols>
    <col min="1" max="1" width="49.08203125" customWidth="1"/>
    <col min="2" max="2" width="5.83203125" customWidth="1"/>
    <col min="4" max="4" width="45.6640625" customWidth="1"/>
    <col min="5" max="5" width="8.9140625" customWidth="1"/>
    <col min="6" max="6" width="57.9140625" customWidth="1"/>
  </cols>
  <sheetData>
    <row r="1" spans="1:6" x14ac:dyDescent="0.55000000000000004">
      <c r="A1" s="66" t="s">
        <v>534</v>
      </c>
      <c r="C1" s="196" t="s">
        <v>594</v>
      </c>
      <c r="D1" s="197"/>
    </row>
    <row r="2" spans="1:6" ht="90.5" thickBot="1" x14ac:dyDescent="0.6">
      <c r="A2" s="58" t="s">
        <v>592</v>
      </c>
      <c r="C2" s="198" t="s">
        <v>593</v>
      </c>
      <c r="D2" s="199"/>
    </row>
    <row r="3" spans="1:6" ht="18.5" thickBot="1" x14ac:dyDescent="0.6"/>
    <row r="4" spans="1:6" x14ac:dyDescent="0.55000000000000004">
      <c r="A4" s="65" t="s">
        <v>469</v>
      </c>
      <c r="B4" s="54"/>
      <c r="C4" s="194" t="s">
        <v>536</v>
      </c>
      <c r="D4" s="195"/>
      <c r="F4" s="56"/>
    </row>
    <row r="5" spans="1:6" x14ac:dyDescent="0.55000000000000004">
      <c r="A5" s="59" t="s">
        <v>470</v>
      </c>
      <c r="B5" s="57"/>
      <c r="C5" s="61" t="s">
        <v>484</v>
      </c>
      <c r="D5" s="62" t="s">
        <v>491</v>
      </c>
      <c r="F5" s="55"/>
    </row>
    <row r="6" spans="1:6" x14ac:dyDescent="0.55000000000000004">
      <c r="A6" s="59" t="s">
        <v>471</v>
      </c>
      <c r="C6" s="61" t="s">
        <v>485</v>
      </c>
      <c r="D6" s="62" t="s">
        <v>492</v>
      </c>
    </row>
    <row r="7" spans="1:6" x14ac:dyDescent="0.55000000000000004">
      <c r="A7" s="59" t="s">
        <v>472</v>
      </c>
      <c r="C7" s="61" t="s">
        <v>486</v>
      </c>
      <c r="D7" s="62" t="s">
        <v>493</v>
      </c>
    </row>
    <row r="8" spans="1:6" x14ac:dyDescent="0.55000000000000004">
      <c r="A8" s="59" t="s">
        <v>473</v>
      </c>
      <c r="C8" s="61" t="s">
        <v>487</v>
      </c>
      <c r="D8" s="62" t="s">
        <v>494</v>
      </c>
    </row>
    <row r="9" spans="1:6" x14ac:dyDescent="0.55000000000000004">
      <c r="A9" s="59" t="s">
        <v>474</v>
      </c>
      <c r="C9" s="61" t="s">
        <v>488</v>
      </c>
      <c r="D9" s="62" t="s">
        <v>495</v>
      </c>
    </row>
    <row r="10" spans="1:6" x14ac:dyDescent="0.55000000000000004">
      <c r="A10" s="59" t="s">
        <v>475</v>
      </c>
      <c r="C10" s="61" t="s">
        <v>489</v>
      </c>
      <c r="D10" s="62" t="s">
        <v>496</v>
      </c>
    </row>
    <row r="11" spans="1:6" x14ac:dyDescent="0.55000000000000004">
      <c r="A11" s="59" t="s">
        <v>476</v>
      </c>
      <c r="C11" s="61" t="s">
        <v>490</v>
      </c>
      <c r="D11" s="62" t="s">
        <v>497</v>
      </c>
    </row>
    <row r="12" spans="1:6" x14ac:dyDescent="0.55000000000000004">
      <c r="A12" s="59" t="s">
        <v>477</v>
      </c>
      <c r="C12" s="61" t="s">
        <v>498</v>
      </c>
      <c r="D12" s="62" t="s">
        <v>499</v>
      </c>
    </row>
    <row r="13" spans="1:6" x14ac:dyDescent="0.55000000000000004">
      <c r="A13" s="59" t="s">
        <v>478</v>
      </c>
      <c r="C13" s="61" t="s">
        <v>500</v>
      </c>
      <c r="D13" s="62" t="s">
        <v>501</v>
      </c>
    </row>
    <row r="14" spans="1:6" x14ac:dyDescent="0.55000000000000004">
      <c r="A14" s="59" t="s">
        <v>479</v>
      </c>
      <c r="C14" s="61" t="s">
        <v>502</v>
      </c>
      <c r="D14" s="62" t="s">
        <v>503</v>
      </c>
    </row>
    <row r="15" spans="1:6" x14ac:dyDescent="0.55000000000000004">
      <c r="A15" s="59" t="s">
        <v>480</v>
      </c>
      <c r="C15" s="61" t="s">
        <v>504</v>
      </c>
      <c r="D15" s="62" t="s">
        <v>505</v>
      </c>
    </row>
    <row r="16" spans="1:6" x14ac:dyDescent="0.55000000000000004">
      <c r="A16" s="59" t="s">
        <v>481</v>
      </c>
      <c r="C16" s="61" t="s">
        <v>506</v>
      </c>
      <c r="D16" s="62" t="s">
        <v>507</v>
      </c>
    </row>
    <row r="17" spans="1:4" x14ac:dyDescent="0.55000000000000004">
      <c r="A17" s="59" t="s">
        <v>482</v>
      </c>
      <c r="C17" s="61" t="s">
        <v>508</v>
      </c>
      <c r="D17" s="62" t="s">
        <v>509</v>
      </c>
    </row>
    <row r="18" spans="1:4" x14ac:dyDescent="0.55000000000000004">
      <c r="A18" s="59" t="s">
        <v>483</v>
      </c>
      <c r="C18" s="61" t="s">
        <v>510</v>
      </c>
      <c r="D18" s="62" t="s">
        <v>511</v>
      </c>
    </row>
    <row r="19" spans="1:4" ht="18.5" thickBot="1" x14ac:dyDescent="0.6">
      <c r="A19" s="60" t="s">
        <v>390</v>
      </c>
      <c r="C19" s="61" t="s">
        <v>512</v>
      </c>
      <c r="D19" s="62" t="s">
        <v>513</v>
      </c>
    </row>
    <row r="20" spans="1:4" x14ac:dyDescent="0.55000000000000004">
      <c r="C20" s="61" t="s">
        <v>514</v>
      </c>
      <c r="D20" s="62" t="s">
        <v>515</v>
      </c>
    </row>
    <row r="21" spans="1:4" x14ac:dyDescent="0.55000000000000004">
      <c r="C21" s="61" t="s">
        <v>516</v>
      </c>
      <c r="D21" s="62" t="s">
        <v>517</v>
      </c>
    </row>
    <row r="22" spans="1:4" x14ac:dyDescent="0.55000000000000004">
      <c r="C22" s="61" t="s">
        <v>518</v>
      </c>
      <c r="D22" s="62" t="s">
        <v>519</v>
      </c>
    </row>
    <row r="23" spans="1:4" x14ac:dyDescent="0.55000000000000004">
      <c r="C23" s="61" t="s">
        <v>520</v>
      </c>
      <c r="D23" s="62" t="s">
        <v>521</v>
      </c>
    </row>
    <row r="24" spans="1:4" x14ac:dyDescent="0.55000000000000004">
      <c r="C24" s="61" t="s">
        <v>522</v>
      </c>
      <c r="D24" s="62" t="s">
        <v>523</v>
      </c>
    </row>
    <row r="25" spans="1:4" x14ac:dyDescent="0.55000000000000004">
      <c r="C25" s="61" t="s">
        <v>524</v>
      </c>
      <c r="D25" s="62" t="s">
        <v>525</v>
      </c>
    </row>
    <row r="26" spans="1:4" x14ac:dyDescent="0.55000000000000004">
      <c r="C26" s="61" t="s">
        <v>526</v>
      </c>
      <c r="D26" s="62" t="s">
        <v>527</v>
      </c>
    </row>
    <row r="27" spans="1:4" x14ac:dyDescent="0.55000000000000004">
      <c r="C27" s="61" t="s">
        <v>528</v>
      </c>
      <c r="D27" s="62" t="s">
        <v>529</v>
      </c>
    </row>
    <row r="28" spans="1:4" x14ac:dyDescent="0.55000000000000004">
      <c r="C28" s="61" t="s">
        <v>530</v>
      </c>
      <c r="D28" s="62" t="s">
        <v>531</v>
      </c>
    </row>
    <row r="29" spans="1:4" ht="18.5" thickBot="1" x14ac:dyDescent="0.6">
      <c r="C29" s="63" t="s">
        <v>532</v>
      </c>
      <c r="D29" s="64" t="s">
        <v>533</v>
      </c>
    </row>
  </sheetData>
  <mergeCells count="3">
    <mergeCell ref="C4:D4"/>
    <mergeCell ref="C1:D1"/>
    <mergeCell ref="C2:D2"/>
  </mergeCells>
  <phoneticPr fontId="1"/>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AU33"/>
  <sheetViews>
    <sheetView topLeftCell="A7" workbookViewId="0">
      <selection activeCell="O31" sqref="O31"/>
    </sheetView>
  </sheetViews>
  <sheetFormatPr defaultRowHeight="18" x14ac:dyDescent="0.55000000000000004"/>
  <sheetData>
    <row r="1" spans="1:47" x14ac:dyDescent="0.55000000000000004">
      <c r="A1" s="2" t="s">
        <v>337</v>
      </c>
      <c r="B1" s="2" t="s">
        <v>338</v>
      </c>
      <c r="C1" s="2" t="s">
        <v>339</v>
      </c>
      <c r="D1" s="2" t="s">
        <v>340</v>
      </c>
      <c r="E1" s="2" t="s">
        <v>341</v>
      </c>
      <c r="F1" s="2" t="s">
        <v>342</v>
      </c>
      <c r="G1" s="2" t="s">
        <v>343</v>
      </c>
      <c r="H1" s="2" t="s">
        <v>344</v>
      </c>
      <c r="I1" s="2" t="s">
        <v>345</v>
      </c>
      <c r="J1" s="2" t="s">
        <v>346</v>
      </c>
      <c r="K1" s="2" t="s">
        <v>347</v>
      </c>
      <c r="L1" s="2" t="s">
        <v>348</v>
      </c>
      <c r="M1" s="2" t="s">
        <v>349</v>
      </c>
      <c r="N1" s="2" t="s">
        <v>350</v>
      </c>
      <c r="O1" s="2" t="s">
        <v>351</v>
      </c>
      <c r="P1" s="2" t="s">
        <v>352</v>
      </c>
      <c r="Q1" s="2" t="s">
        <v>353</v>
      </c>
      <c r="R1" s="2" t="s">
        <v>354</v>
      </c>
      <c r="S1" s="2" t="s">
        <v>355</v>
      </c>
      <c r="T1" s="2" t="s">
        <v>356</v>
      </c>
      <c r="U1" s="2" t="s">
        <v>357</v>
      </c>
      <c r="V1" s="2" t="s">
        <v>358</v>
      </c>
      <c r="W1" s="2" t="s">
        <v>359</v>
      </c>
      <c r="X1" s="2" t="s">
        <v>360</v>
      </c>
      <c r="Y1" s="2" t="s">
        <v>361</v>
      </c>
      <c r="Z1" s="2" t="s">
        <v>362</v>
      </c>
      <c r="AA1" s="2" t="s">
        <v>363</v>
      </c>
      <c r="AB1" s="2" t="s">
        <v>364</v>
      </c>
      <c r="AC1" s="2" t="s">
        <v>365</v>
      </c>
      <c r="AD1" s="2" t="s">
        <v>366</v>
      </c>
      <c r="AE1" s="2" t="s">
        <v>367</v>
      </c>
      <c r="AF1" s="2" t="s">
        <v>368</v>
      </c>
      <c r="AG1" s="2" t="s">
        <v>369</v>
      </c>
      <c r="AH1" s="2" t="s">
        <v>370</v>
      </c>
      <c r="AI1" s="2" t="s">
        <v>371</v>
      </c>
      <c r="AJ1" s="2" t="s">
        <v>372</v>
      </c>
      <c r="AK1" s="2" t="s">
        <v>373</v>
      </c>
      <c r="AL1" s="2" t="s">
        <v>374</v>
      </c>
      <c r="AM1" s="2" t="s">
        <v>375</v>
      </c>
      <c r="AN1" s="2" t="s">
        <v>376</v>
      </c>
      <c r="AO1" s="2" t="s">
        <v>377</v>
      </c>
      <c r="AP1" s="2" t="s">
        <v>378</v>
      </c>
      <c r="AQ1" s="2" t="s">
        <v>379</v>
      </c>
      <c r="AR1" s="2" t="s">
        <v>380</v>
      </c>
      <c r="AS1" s="2" t="s">
        <v>381</v>
      </c>
      <c r="AT1" s="2" t="s">
        <v>382</v>
      </c>
      <c r="AU1" s="2" t="s">
        <v>383</v>
      </c>
    </row>
    <row r="2" spans="1:47" x14ac:dyDescent="0.55000000000000004">
      <c r="A2" t="s">
        <v>2</v>
      </c>
      <c r="B2" t="s">
        <v>23</v>
      </c>
      <c r="C2" t="s">
        <v>29</v>
      </c>
      <c r="D2" t="s">
        <v>38</v>
      </c>
      <c r="E2" t="s">
        <v>42</v>
      </c>
      <c r="F2" t="s">
        <v>50</v>
      </c>
      <c r="G2" t="s">
        <v>54</v>
      </c>
      <c r="H2" t="s">
        <v>60</v>
      </c>
      <c r="I2" t="s">
        <v>69</v>
      </c>
      <c r="J2" t="s">
        <v>75</v>
      </c>
      <c r="K2" t="s">
        <v>85</v>
      </c>
      <c r="L2" t="s">
        <v>95</v>
      </c>
      <c r="M2" t="s">
        <v>104</v>
      </c>
      <c r="N2" t="s">
        <v>117</v>
      </c>
      <c r="O2" t="s">
        <v>126</v>
      </c>
      <c r="P2" t="s">
        <v>133</v>
      </c>
      <c r="Q2" t="s">
        <v>137</v>
      </c>
      <c r="R2" t="s">
        <v>141</v>
      </c>
      <c r="S2" t="s">
        <v>145</v>
      </c>
      <c r="T2" t="s">
        <v>149</v>
      </c>
      <c r="U2" t="s">
        <v>159</v>
      </c>
      <c r="V2" t="s">
        <v>164</v>
      </c>
      <c r="W2" t="s">
        <v>172</v>
      </c>
      <c r="X2" t="s">
        <v>183</v>
      </c>
      <c r="Y2" t="s">
        <v>187</v>
      </c>
      <c r="Z2" t="s">
        <v>194</v>
      </c>
      <c r="AA2" t="s">
        <v>200</v>
      </c>
      <c r="AB2" t="s">
        <v>208</v>
      </c>
      <c r="AC2" t="s">
        <v>216</v>
      </c>
      <c r="AD2" t="s">
        <v>221</v>
      </c>
      <c r="AE2" t="s">
        <v>228</v>
      </c>
      <c r="AF2" t="s">
        <v>231</v>
      </c>
      <c r="AG2" t="s">
        <v>238</v>
      </c>
      <c r="AH2" t="s">
        <v>243</v>
      </c>
      <c r="AI2" t="s">
        <v>250</v>
      </c>
      <c r="AJ2" t="s">
        <v>258</v>
      </c>
      <c r="AK2" t="s">
        <v>261</v>
      </c>
      <c r="AL2" t="s">
        <v>264</v>
      </c>
      <c r="AM2" t="s">
        <v>270</v>
      </c>
      <c r="AN2" t="s">
        <v>274</v>
      </c>
      <c r="AO2" t="s">
        <v>287</v>
      </c>
      <c r="AP2" t="s">
        <v>292</v>
      </c>
      <c r="AQ2" t="s">
        <v>300</v>
      </c>
      <c r="AR2" t="s">
        <v>310</v>
      </c>
      <c r="AS2" t="s">
        <v>316</v>
      </c>
      <c r="AT2" t="s">
        <v>323</v>
      </c>
      <c r="AU2" t="s">
        <v>332</v>
      </c>
    </row>
    <row r="3" spans="1:47" x14ac:dyDescent="0.55000000000000004">
      <c r="A3" t="s">
        <v>3</v>
      </c>
      <c r="B3" t="s">
        <v>24</v>
      </c>
      <c r="C3" t="s">
        <v>30</v>
      </c>
      <c r="D3" t="s">
        <v>39</v>
      </c>
      <c r="E3" t="s">
        <v>43</v>
      </c>
      <c r="F3" t="s">
        <v>51</v>
      </c>
      <c r="G3" t="s">
        <v>55</v>
      </c>
      <c r="H3" t="s">
        <v>61</v>
      </c>
      <c r="I3" t="s">
        <v>70</v>
      </c>
      <c r="J3" t="s">
        <v>76</v>
      </c>
      <c r="K3" t="s">
        <v>86</v>
      </c>
      <c r="L3" t="s">
        <v>96</v>
      </c>
      <c r="M3" t="s">
        <v>105</v>
      </c>
      <c r="N3" t="s">
        <v>118</v>
      </c>
      <c r="O3" t="s">
        <v>127</v>
      </c>
      <c r="P3" t="s">
        <v>134</v>
      </c>
      <c r="Q3" t="s">
        <v>138</v>
      </c>
      <c r="R3" t="s">
        <v>142</v>
      </c>
      <c r="S3" t="s">
        <v>146</v>
      </c>
      <c r="T3" t="s">
        <v>150</v>
      </c>
      <c r="U3" t="s">
        <v>160</v>
      </c>
      <c r="V3" t="s">
        <v>165</v>
      </c>
      <c r="W3" t="s">
        <v>173</v>
      </c>
      <c r="X3" t="s">
        <v>184</v>
      </c>
      <c r="Y3" t="s">
        <v>188</v>
      </c>
      <c r="Z3" t="s">
        <v>195</v>
      </c>
      <c r="AA3" t="s">
        <v>201</v>
      </c>
      <c r="AB3" t="s">
        <v>209</v>
      </c>
      <c r="AC3" t="s">
        <v>217</v>
      </c>
      <c r="AD3" t="s">
        <v>222</v>
      </c>
      <c r="AE3" t="s">
        <v>229</v>
      </c>
      <c r="AF3" t="s">
        <v>232</v>
      </c>
      <c r="AG3" t="s">
        <v>239</v>
      </c>
      <c r="AH3" t="s">
        <v>244</v>
      </c>
      <c r="AI3" t="s">
        <v>251</v>
      </c>
      <c r="AJ3" t="s">
        <v>259</v>
      </c>
      <c r="AK3" t="s">
        <v>262</v>
      </c>
      <c r="AL3" t="s">
        <v>265</v>
      </c>
      <c r="AM3" t="s">
        <v>271</v>
      </c>
      <c r="AN3" t="s">
        <v>275</v>
      </c>
      <c r="AO3" t="s">
        <v>288</v>
      </c>
      <c r="AP3" t="s">
        <v>293</v>
      </c>
      <c r="AQ3" t="s">
        <v>301</v>
      </c>
      <c r="AR3" t="s">
        <v>311</v>
      </c>
      <c r="AS3" t="s">
        <v>317</v>
      </c>
      <c r="AT3" t="s">
        <v>324</v>
      </c>
      <c r="AU3" t="s">
        <v>333</v>
      </c>
    </row>
    <row r="4" spans="1:47" x14ac:dyDescent="0.55000000000000004">
      <c r="A4" t="s">
        <v>4</v>
      </c>
      <c r="B4" t="s">
        <v>25</v>
      </c>
      <c r="C4" t="s">
        <v>31</v>
      </c>
      <c r="D4" t="s">
        <v>40</v>
      </c>
      <c r="E4" t="s">
        <v>44</v>
      </c>
      <c r="F4" t="s">
        <v>52</v>
      </c>
      <c r="G4" t="s">
        <v>56</v>
      </c>
      <c r="H4" t="s">
        <v>62</v>
      </c>
      <c r="I4" t="s">
        <v>71</v>
      </c>
      <c r="J4" t="s">
        <v>77</v>
      </c>
      <c r="K4" t="s">
        <v>87</v>
      </c>
      <c r="L4" t="s">
        <v>97</v>
      </c>
      <c r="M4" t="s">
        <v>106</v>
      </c>
      <c r="N4" t="s">
        <v>119</v>
      </c>
      <c r="O4" t="s">
        <v>128</v>
      </c>
      <c r="P4" t="s">
        <v>135</v>
      </c>
      <c r="Q4" t="s">
        <v>139</v>
      </c>
      <c r="R4" t="s">
        <v>143</v>
      </c>
      <c r="S4" t="s">
        <v>147</v>
      </c>
      <c r="T4" t="s">
        <v>151</v>
      </c>
      <c r="U4" t="s">
        <v>161</v>
      </c>
      <c r="V4" t="s">
        <v>166</v>
      </c>
      <c r="W4" t="s">
        <v>174</v>
      </c>
      <c r="X4" t="s">
        <v>185</v>
      </c>
      <c r="Y4" t="s">
        <v>189</v>
      </c>
      <c r="Z4" t="s">
        <v>196</v>
      </c>
      <c r="AA4" t="s">
        <v>202</v>
      </c>
      <c r="AB4" t="s">
        <v>210</v>
      </c>
      <c r="AC4" t="s">
        <v>218</v>
      </c>
      <c r="AD4" t="s">
        <v>223</v>
      </c>
      <c r="AE4" t="s">
        <v>230</v>
      </c>
      <c r="AF4" t="s">
        <v>233</v>
      </c>
      <c r="AG4" t="s">
        <v>240</v>
      </c>
      <c r="AH4" t="s">
        <v>245</v>
      </c>
      <c r="AI4" t="s">
        <v>252</v>
      </c>
      <c r="AJ4" t="s">
        <v>260</v>
      </c>
      <c r="AK4" t="s">
        <v>263</v>
      </c>
      <c r="AL4" t="s">
        <v>266</v>
      </c>
      <c r="AM4" t="s">
        <v>272</v>
      </c>
      <c r="AN4" t="s">
        <v>276</v>
      </c>
      <c r="AO4" t="s">
        <v>289</v>
      </c>
      <c r="AP4" t="s">
        <v>294</v>
      </c>
      <c r="AQ4" t="s">
        <v>302</v>
      </c>
      <c r="AR4" t="s">
        <v>312</v>
      </c>
      <c r="AS4" t="s">
        <v>318</v>
      </c>
      <c r="AT4" t="s">
        <v>325</v>
      </c>
      <c r="AU4" t="s">
        <v>334</v>
      </c>
    </row>
    <row r="5" spans="1:47" x14ac:dyDescent="0.55000000000000004">
      <c r="A5" t="s">
        <v>5</v>
      </c>
      <c r="B5" t="s">
        <v>26</v>
      </c>
      <c r="C5" t="s">
        <v>32</v>
      </c>
      <c r="D5" t="s">
        <v>41</v>
      </c>
      <c r="E5" t="s">
        <v>45</v>
      </c>
      <c r="F5" t="s">
        <v>53</v>
      </c>
      <c r="G5" t="s">
        <v>57</v>
      </c>
      <c r="H5" t="s">
        <v>63</v>
      </c>
      <c r="I5" t="s">
        <v>72</v>
      </c>
      <c r="J5" t="s">
        <v>78</v>
      </c>
      <c r="K5" t="s">
        <v>88</v>
      </c>
      <c r="L5" t="s">
        <v>98</v>
      </c>
      <c r="M5" t="s">
        <v>107</v>
      </c>
      <c r="N5" t="s">
        <v>120</v>
      </c>
      <c r="O5" t="s">
        <v>129</v>
      </c>
      <c r="P5" t="s">
        <v>136</v>
      </c>
      <c r="Q5" t="s">
        <v>140</v>
      </c>
      <c r="R5" t="s">
        <v>144</v>
      </c>
      <c r="S5" t="s">
        <v>148</v>
      </c>
      <c r="T5" t="s">
        <v>152</v>
      </c>
      <c r="U5" t="s">
        <v>162</v>
      </c>
      <c r="V5" t="s">
        <v>167</v>
      </c>
      <c r="W5" t="s">
        <v>175</v>
      </c>
      <c r="X5" t="s">
        <v>186</v>
      </c>
      <c r="Y5" t="s">
        <v>190</v>
      </c>
      <c r="Z5" t="s">
        <v>197</v>
      </c>
      <c r="AA5" t="s">
        <v>203</v>
      </c>
      <c r="AB5" t="s">
        <v>211</v>
      </c>
      <c r="AC5" t="s">
        <v>219</v>
      </c>
      <c r="AD5" t="s">
        <v>224</v>
      </c>
      <c r="AF5" t="s">
        <v>234</v>
      </c>
      <c r="AG5" t="s">
        <v>241</v>
      </c>
      <c r="AH5" t="s">
        <v>246</v>
      </c>
      <c r="AI5" t="s">
        <v>253</v>
      </c>
      <c r="AL5" t="s">
        <v>267</v>
      </c>
      <c r="AM5" t="s">
        <v>273</v>
      </c>
      <c r="AN5" t="s">
        <v>277</v>
      </c>
      <c r="AO5" t="s">
        <v>290</v>
      </c>
      <c r="AP5" t="s">
        <v>295</v>
      </c>
      <c r="AQ5" t="s">
        <v>303</v>
      </c>
      <c r="AR5" t="s">
        <v>313</v>
      </c>
      <c r="AS5" t="s">
        <v>319</v>
      </c>
      <c r="AT5" t="s">
        <v>326</v>
      </c>
      <c r="AU5" t="s">
        <v>335</v>
      </c>
    </row>
    <row r="6" spans="1:47" x14ac:dyDescent="0.55000000000000004">
      <c r="A6" t="s">
        <v>6</v>
      </c>
      <c r="B6" t="s">
        <v>27</v>
      </c>
      <c r="C6" t="s">
        <v>33</v>
      </c>
      <c r="E6" t="s">
        <v>46</v>
      </c>
      <c r="G6" t="s">
        <v>58</v>
      </c>
      <c r="H6" t="s">
        <v>64</v>
      </c>
      <c r="I6" t="s">
        <v>73</v>
      </c>
      <c r="J6" t="s">
        <v>79</v>
      </c>
      <c r="K6" t="s">
        <v>89</v>
      </c>
      <c r="L6" t="s">
        <v>99</v>
      </c>
      <c r="M6" t="s">
        <v>108</v>
      </c>
      <c r="N6" t="s">
        <v>121</v>
      </c>
      <c r="O6" t="s">
        <v>130</v>
      </c>
      <c r="T6" t="s">
        <v>153</v>
      </c>
      <c r="U6" t="s">
        <v>163</v>
      </c>
      <c r="V6" t="s">
        <v>168</v>
      </c>
      <c r="W6" t="s">
        <v>176</v>
      </c>
      <c r="Y6" t="s">
        <v>191</v>
      </c>
      <c r="Z6" t="s">
        <v>198</v>
      </c>
      <c r="AA6" t="s">
        <v>204</v>
      </c>
      <c r="AB6" t="s">
        <v>212</v>
      </c>
      <c r="AC6" t="s">
        <v>220</v>
      </c>
      <c r="AD6" t="s">
        <v>225</v>
      </c>
      <c r="AF6" t="s">
        <v>235</v>
      </c>
      <c r="AG6" t="s">
        <v>242</v>
      </c>
      <c r="AH6" t="s">
        <v>247</v>
      </c>
      <c r="AI6" t="s">
        <v>254</v>
      </c>
      <c r="AL6" t="s">
        <v>268</v>
      </c>
      <c r="AN6" t="s">
        <v>278</v>
      </c>
      <c r="AO6" t="s">
        <v>291</v>
      </c>
      <c r="AP6" t="s">
        <v>296</v>
      </c>
      <c r="AQ6" t="s">
        <v>304</v>
      </c>
      <c r="AR6" t="s">
        <v>314</v>
      </c>
      <c r="AS6" t="s">
        <v>320</v>
      </c>
      <c r="AT6" t="s">
        <v>327</v>
      </c>
      <c r="AU6" t="s">
        <v>336</v>
      </c>
    </row>
    <row r="7" spans="1:47" x14ac:dyDescent="0.55000000000000004">
      <c r="A7" t="s">
        <v>7</v>
      </c>
      <c r="B7" t="s">
        <v>28</v>
      </c>
      <c r="C7" t="s">
        <v>34</v>
      </c>
      <c r="E7" t="s">
        <v>47</v>
      </c>
      <c r="G7" t="s">
        <v>59</v>
      </c>
      <c r="H7" t="s">
        <v>65</v>
      </c>
      <c r="I7" t="s">
        <v>74</v>
      </c>
      <c r="J7" t="s">
        <v>80</v>
      </c>
      <c r="K7" t="s">
        <v>90</v>
      </c>
      <c r="L7" t="s">
        <v>100</v>
      </c>
      <c r="M7" t="s">
        <v>109</v>
      </c>
      <c r="N7" t="s">
        <v>122</v>
      </c>
      <c r="O7" t="s">
        <v>131</v>
      </c>
      <c r="T7" t="s">
        <v>154</v>
      </c>
      <c r="V7" t="s">
        <v>169</v>
      </c>
      <c r="W7" t="s">
        <v>177</v>
      </c>
      <c r="Y7" t="s">
        <v>192</v>
      </c>
      <c r="Z7" t="s">
        <v>199</v>
      </c>
      <c r="AA7" t="s">
        <v>205</v>
      </c>
      <c r="AB7" t="s">
        <v>213</v>
      </c>
      <c r="AD7" t="s">
        <v>226</v>
      </c>
      <c r="AF7" t="s">
        <v>236</v>
      </c>
      <c r="AH7" t="s">
        <v>248</v>
      </c>
      <c r="AI7" t="s">
        <v>255</v>
      </c>
      <c r="AL7" t="s">
        <v>269</v>
      </c>
      <c r="AN7" t="s">
        <v>279</v>
      </c>
      <c r="AP7" t="s">
        <v>297</v>
      </c>
      <c r="AQ7" t="s">
        <v>305</v>
      </c>
      <c r="AR7" t="s">
        <v>315</v>
      </c>
      <c r="AS7" t="s">
        <v>321</v>
      </c>
      <c r="AT7" t="s">
        <v>328</v>
      </c>
    </row>
    <row r="8" spans="1:47" x14ac:dyDescent="0.55000000000000004">
      <c r="A8" t="s">
        <v>8</v>
      </c>
      <c r="C8" t="s">
        <v>35</v>
      </c>
      <c r="E8" t="s">
        <v>48</v>
      </c>
      <c r="H8" t="s">
        <v>66</v>
      </c>
      <c r="J8" t="s">
        <v>81</v>
      </c>
      <c r="K8" t="s">
        <v>91</v>
      </c>
      <c r="L8" t="s">
        <v>101</v>
      </c>
      <c r="M8" t="s">
        <v>110</v>
      </c>
      <c r="N8" t="s">
        <v>123</v>
      </c>
      <c r="O8" t="s">
        <v>132</v>
      </c>
      <c r="T8" t="s">
        <v>155</v>
      </c>
      <c r="V8" t="s">
        <v>170</v>
      </c>
      <c r="W8" t="s">
        <v>178</v>
      </c>
      <c r="Y8" t="s">
        <v>193</v>
      </c>
      <c r="AA8" t="s">
        <v>206</v>
      </c>
      <c r="AB8" t="s">
        <v>214</v>
      </c>
      <c r="AD8" t="s">
        <v>227</v>
      </c>
      <c r="AF8" t="s">
        <v>237</v>
      </c>
      <c r="AH8" t="s">
        <v>249</v>
      </c>
      <c r="AI8" t="s">
        <v>256</v>
      </c>
      <c r="AN8" t="s">
        <v>280</v>
      </c>
      <c r="AP8" t="s">
        <v>298</v>
      </c>
      <c r="AQ8" t="s">
        <v>306</v>
      </c>
      <c r="AS8" t="s">
        <v>322</v>
      </c>
      <c r="AT8" t="s">
        <v>329</v>
      </c>
    </row>
    <row r="9" spans="1:47" x14ac:dyDescent="0.55000000000000004">
      <c r="A9" t="s">
        <v>9</v>
      </c>
      <c r="C9" t="s">
        <v>36</v>
      </c>
      <c r="E9" t="s">
        <v>49</v>
      </c>
      <c r="H9" t="s">
        <v>67</v>
      </c>
      <c r="J9" t="s">
        <v>82</v>
      </c>
      <c r="K9" t="s">
        <v>92</v>
      </c>
      <c r="L9" t="s">
        <v>102</v>
      </c>
      <c r="M9" t="s">
        <v>111</v>
      </c>
      <c r="N9" t="s">
        <v>124</v>
      </c>
      <c r="T9" t="s">
        <v>156</v>
      </c>
      <c r="V9" t="s">
        <v>171</v>
      </c>
      <c r="W9" t="s">
        <v>179</v>
      </c>
      <c r="AA9" t="s">
        <v>207</v>
      </c>
      <c r="AB9" t="s">
        <v>215</v>
      </c>
      <c r="AI9" t="s">
        <v>257</v>
      </c>
      <c r="AN9" t="s">
        <v>281</v>
      </c>
      <c r="AP9" t="s">
        <v>299</v>
      </c>
      <c r="AQ9" t="s">
        <v>307</v>
      </c>
      <c r="AT9" t="s">
        <v>330</v>
      </c>
    </row>
    <row r="10" spans="1:47" x14ac:dyDescent="0.55000000000000004">
      <c r="A10" t="s">
        <v>10</v>
      </c>
      <c r="C10" t="s">
        <v>37</v>
      </c>
      <c r="H10" t="s">
        <v>68</v>
      </c>
      <c r="J10" t="s">
        <v>83</v>
      </c>
      <c r="K10" t="s">
        <v>93</v>
      </c>
      <c r="L10" t="s">
        <v>103</v>
      </c>
      <c r="M10" t="s">
        <v>112</v>
      </c>
      <c r="N10" t="s">
        <v>125</v>
      </c>
      <c r="T10" t="s">
        <v>157</v>
      </c>
      <c r="W10" t="s">
        <v>180</v>
      </c>
      <c r="AN10" t="s">
        <v>282</v>
      </c>
      <c r="AQ10" t="s">
        <v>308</v>
      </c>
      <c r="AT10" t="s">
        <v>331</v>
      </c>
    </row>
    <row r="11" spans="1:47" x14ac:dyDescent="0.55000000000000004">
      <c r="A11" t="s">
        <v>11</v>
      </c>
      <c r="J11" t="s">
        <v>84</v>
      </c>
      <c r="K11" t="s">
        <v>94</v>
      </c>
      <c r="M11" t="s">
        <v>113</v>
      </c>
      <c r="T11" t="s">
        <v>158</v>
      </c>
      <c r="W11" t="s">
        <v>181</v>
      </c>
      <c r="AN11" t="s">
        <v>283</v>
      </c>
      <c r="AQ11" t="s">
        <v>309</v>
      </c>
    </row>
    <row r="12" spans="1:47" x14ac:dyDescent="0.55000000000000004">
      <c r="A12" t="s">
        <v>12</v>
      </c>
      <c r="M12" t="s">
        <v>114</v>
      </c>
      <c r="W12" t="s">
        <v>182</v>
      </c>
      <c r="AN12" t="s">
        <v>284</v>
      </c>
    </row>
    <row r="13" spans="1:47" x14ac:dyDescent="0.55000000000000004">
      <c r="A13" t="s">
        <v>13</v>
      </c>
      <c r="M13" t="s">
        <v>115</v>
      </c>
      <c r="AN13" t="s">
        <v>285</v>
      </c>
    </row>
    <row r="14" spans="1:47" x14ac:dyDescent="0.55000000000000004">
      <c r="A14" t="s">
        <v>14</v>
      </c>
      <c r="M14" t="s">
        <v>116</v>
      </c>
      <c r="AN14" t="s">
        <v>286</v>
      </c>
    </row>
    <row r="15" spans="1:47" x14ac:dyDescent="0.55000000000000004">
      <c r="A15" t="s">
        <v>15</v>
      </c>
    </row>
    <row r="16" spans="1:47" x14ac:dyDescent="0.55000000000000004">
      <c r="A16" t="s">
        <v>16</v>
      </c>
    </row>
    <row r="17" spans="1:10" x14ac:dyDescent="0.55000000000000004">
      <c r="A17" t="s">
        <v>17</v>
      </c>
    </row>
    <row r="18" spans="1:10" x14ac:dyDescent="0.55000000000000004">
      <c r="A18" t="s">
        <v>18</v>
      </c>
    </row>
    <row r="19" spans="1:10" x14ac:dyDescent="0.55000000000000004">
      <c r="A19" t="s">
        <v>19</v>
      </c>
    </row>
    <row r="20" spans="1:10" x14ac:dyDescent="0.55000000000000004">
      <c r="A20" t="s">
        <v>20</v>
      </c>
    </row>
    <row r="21" spans="1:10" x14ac:dyDescent="0.55000000000000004">
      <c r="A21" t="s">
        <v>21</v>
      </c>
    </row>
    <row r="22" spans="1:10" x14ac:dyDescent="0.55000000000000004">
      <c r="A22" t="s">
        <v>22</v>
      </c>
    </row>
    <row r="25" spans="1:10" x14ac:dyDescent="0.55000000000000004">
      <c r="A25" t="s">
        <v>385</v>
      </c>
      <c r="B25" t="s">
        <v>387</v>
      </c>
      <c r="D25" t="s">
        <v>399</v>
      </c>
      <c r="G25" t="s">
        <v>395</v>
      </c>
      <c r="J25" t="s">
        <v>405</v>
      </c>
    </row>
    <row r="26" spans="1:10" x14ac:dyDescent="0.55000000000000004">
      <c r="A26" t="s">
        <v>386</v>
      </c>
      <c r="B26" t="s">
        <v>388</v>
      </c>
      <c r="D26" t="s">
        <v>400</v>
      </c>
      <c r="G26" t="s">
        <v>396</v>
      </c>
      <c r="J26" t="s">
        <v>406</v>
      </c>
    </row>
    <row r="27" spans="1:10" x14ac:dyDescent="0.55000000000000004">
      <c r="B27" t="s">
        <v>389</v>
      </c>
      <c r="J27" t="s">
        <v>407</v>
      </c>
    </row>
    <row r="28" spans="1:10" x14ac:dyDescent="0.55000000000000004">
      <c r="B28" t="s">
        <v>390</v>
      </c>
    </row>
    <row r="30" spans="1:10" x14ac:dyDescent="0.55000000000000004">
      <c r="A30" t="s">
        <v>391</v>
      </c>
    </row>
    <row r="31" spans="1:10" x14ac:dyDescent="0.55000000000000004">
      <c r="A31" t="s">
        <v>392</v>
      </c>
    </row>
    <row r="32" spans="1:10" x14ac:dyDescent="0.55000000000000004">
      <c r="A32" t="s">
        <v>393</v>
      </c>
    </row>
    <row r="33" spans="1:1" x14ac:dyDescent="0.55000000000000004">
      <c r="A33" t="s">
        <v>394</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9</vt:i4>
      </vt:variant>
    </vt:vector>
  </HeadingPairs>
  <TitlesOfParts>
    <vt:vector size="54" baseType="lpstr">
      <vt:lpstr>選出意向区分票</vt:lpstr>
      <vt:lpstr>別添_回答票</vt:lpstr>
      <vt:lpstr>別添「開設者」一覧表</vt:lpstr>
      <vt:lpstr>●コピペ用（必要に応じてご活用ください）</vt:lpstr>
      <vt:lpstr>コード</vt:lpstr>
      <vt:lpstr>別添_回答票!Print_Area</vt:lpstr>
      <vt:lpstr>愛知県23</vt:lpstr>
      <vt:lpstr>愛媛県38</vt:lpstr>
      <vt:lpstr>茨城県08</vt:lpstr>
      <vt:lpstr>岡山県33</vt:lpstr>
      <vt:lpstr>沖縄県47</vt:lpstr>
      <vt:lpstr>岩手県03</vt:lpstr>
      <vt:lpstr>岐阜県21</vt:lpstr>
      <vt:lpstr>宮崎県45</vt:lpstr>
      <vt:lpstr>宮城県04</vt:lpstr>
      <vt:lpstr>京都府26</vt:lpstr>
      <vt:lpstr>熊本県43</vt:lpstr>
      <vt:lpstr>群馬県10</vt:lpstr>
      <vt:lpstr>広島県34</vt:lpstr>
      <vt:lpstr>香川県37</vt:lpstr>
      <vt:lpstr>高知県39</vt:lpstr>
      <vt:lpstr>佐賀県41</vt:lpstr>
      <vt:lpstr>埼玉県11</vt:lpstr>
      <vt:lpstr>三重県24</vt:lpstr>
      <vt:lpstr>山形県06</vt:lpstr>
      <vt:lpstr>山口県35</vt:lpstr>
      <vt:lpstr>山梨県19</vt:lpstr>
      <vt:lpstr>滋賀県25</vt:lpstr>
      <vt:lpstr>鹿児島県46</vt:lpstr>
      <vt:lpstr>秋田県05</vt:lpstr>
      <vt:lpstr>新潟県15</vt:lpstr>
      <vt:lpstr>神奈川県14</vt:lpstr>
      <vt:lpstr>青森県02</vt:lpstr>
      <vt:lpstr>静岡県22</vt:lpstr>
      <vt:lpstr>石川県17</vt:lpstr>
      <vt:lpstr>千葉県12</vt:lpstr>
      <vt:lpstr>大阪府27</vt:lpstr>
      <vt:lpstr>大分県44</vt:lpstr>
      <vt:lpstr>長崎県42</vt:lpstr>
      <vt:lpstr>長野県20</vt:lpstr>
      <vt:lpstr>鳥取県31</vt:lpstr>
      <vt:lpstr>都道府県コード</vt:lpstr>
      <vt:lpstr>島根県32</vt:lpstr>
      <vt:lpstr>東京都13</vt:lpstr>
      <vt:lpstr>徳島県36</vt:lpstr>
      <vt:lpstr>栃木県09</vt:lpstr>
      <vt:lpstr>奈良県29</vt:lpstr>
      <vt:lpstr>富山県16</vt:lpstr>
      <vt:lpstr>福井県18</vt:lpstr>
      <vt:lpstr>福岡県40</vt:lpstr>
      <vt:lpstr>福島県07</vt:lpstr>
      <vt:lpstr>兵庫県28</vt:lpstr>
      <vt:lpstr>北海道01</vt:lpstr>
      <vt:lpstr>和歌山県30</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2-04-01T06:47:01Z</cp:lastPrinted>
  <dcterms:created xsi:type="dcterms:W3CDTF">2019-04-16T04:35:06Z</dcterms:created>
  <dcterms:modified xsi:type="dcterms:W3CDTF">2023-12-28T02:53:21Z</dcterms:modified>
</cp:coreProperties>
</file>